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231"/>
  <workbookPr/>
  <mc:AlternateContent xmlns:mc="http://schemas.openxmlformats.org/markup-compatibility/2006">
    <mc:Choice Requires="x15">
      <x15ac:absPath xmlns:x15ac="http://schemas.microsoft.com/office/spreadsheetml/2010/11/ac" url="C:\Users\s12218\Downloads\"/>
    </mc:Choice>
  </mc:AlternateContent>
  <xr:revisionPtr revIDLastSave="0" documentId="13_ncr:1_{F43D0AFD-DF9F-4AC9-BC0B-FD3822671B6D}" xr6:coauthVersionLast="47" xr6:coauthVersionMax="47" xr10:uidLastSave="{00000000-0000-0000-0000-000000000000}"/>
  <workbookProtection workbookAlgorithmName="SHA-512" workbookHashValue="vbaMg8MT/63JTWKjvbtGOgIaD7gJiGr7A9ZSVJbPZwZywRDzDpRGbqHRHLlSL1g9AeOraFL0gNHQDjR0MzbEJQ==" workbookSaltValue="F+6jN7zj+/HWwTLxqgF4Ww==" workbookSpinCount="100000" lockStructure="1"/>
  <bookViews>
    <workbookView xWindow="-108" yWindow="-108" windowWidth="23256" windowHeight="12576" xr2:uid="{00000000-000D-0000-FFFF-FFFF00000000}"/>
  </bookViews>
  <sheets>
    <sheet name="法非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L86" i="4" s="1"/>
  <c r="DG6" i="5"/>
  <c r="DF6" i="5"/>
  <c r="DE6" i="5"/>
  <c r="DD6" i="5"/>
  <c r="DC6" i="5"/>
  <c r="DB6" i="5"/>
  <c r="DA6" i="5"/>
  <c r="CZ6" i="5"/>
  <c r="CY6" i="5"/>
  <c r="CX6" i="5"/>
  <c r="CW6" i="5"/>
  <c r="K86" i="4" s="1"/>
  <c r="CV6" i="5"/>
  <c r="CU6" i="5"/>
  <c r="CT6" i="5"/>
  <c r="CS6" i="5"/>
  <c r="CR6" i="5"/>
  <c r="CQ6" i="5"/>
  <c r="CP6" i="5"/>
  <c r="CO6" i="5"/>
  <c r="CN6" i="5"/>
  <c r="CM6" i="5"/>
  <c r="CL6" i="5"/>
  <c r="J86" i="4" s="1"/>
  <c r="CK6" i="5"/>
  <c r="CJ6" i="5"/>
  <c r="CI6" i="5"/>
  <c r="CH6" i="5"/>
  <c r="CG6" i="5"/>
  <c r="CF6" i="5"/>
  <c r="CE6" i="5"/>
  <c r="CD6" i="5"/>
  <c r="CC6" i="5"/>
  <c r="CB6" i="5"/>
  <c r="CA6" i="5"/>
  <c r="I86" i="4" s="1"/>
  <c r="BZ6" i="5"/>
  <c r="BY6" i="5"/>
  <c r="BX6" i="5"/>
  <c r="BW6" i="5"/>
  <c r="BV6" i="5"/>
  <c r="BU6" i="5"/>
  <c r="BT6" i="5"/>
  <c r="BS6" i="5"/>
  <c r="BR6" i="5"/>
  <c r="BQ6" i="5"/>
  <c r="BP6" i="5"/>
  <c r="H86"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E86" i="4" s="1"/>
  <c r="AH6" i="5"/>
  <c r="AG6" i="5"/>
  <c r="AF6" i="5"/>
  <c r="AE6" i="5"/>
  <c r="AD6" i="5"/>
  <c r="AC6" i="5"/>
  <c r="AB6" i="5"/>
  <c r="AA6" i="5"/>
  <c r="Z6" i="5"/>
  <c r="Y6" i="5"/>
  <c r="X6" i="5"/>
  <c r="W6" i="5"/>
  <c r="AT10" i="4" s="1"/>
  <c r="V6" i="5"/>
  <c r="U6" i="5"/>
  <c r="BB8" i="4" s="1"/>
  <c r="T6" i="5"/>
  <c r="S6" i="5"/>
  <c r="AL8" i="4" s="1"/>
  <c r="R6" i="5"/>
  <c r="AD10" i="4" s="1"/>
  <c r="Q6" i="5"/>
  <c r="W10" i="4" s="1"/>
  <c r="P6" i="5"/>
  <c r="O6" i="5"/>
  <c r="I10" i="4" s="1"/>
  <c r="N6" i="5"/>
  <c r="M6" i="5"/>
  <c r="L6" i="5"/>
  <c r="K6" i="5"/>
  <c r="P8" i="4" s="1"/>
  <c r="J6" i="5"/>
  <c r="I6" i="5"/>
  <c r="B8" i="4" s="1"/>
  <c r="H6" i="5"/>
  <c r="B6" i="4" s="1"/>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BB10" i="4"/>
  <c r="AL10" i="4"/>
  <c r="P10" i="4"/>
  <c r="B10" i="4"/>
  <c r="AT8" i="4"/>
  <c r="AD8" i="4"/>
  <c r="W8" i="4"/>
  <c r="I8" i="4"/>
</calcChain>
</file>

<file path=xl/sharedStrings.xml><?xml version="1.0" encoding="utf-8"?>
<sst xmlns="http://schemas.openxmlformats.org/spreadsheetml/2006/main" count="236" uniqueCount="122">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宮崎県　川南町</t>
  </si>
  <si>
    <t>法非適用</t>
  </si>
  <si>
    <t>下水道事業</t>
  </si>
  <si>
    <t>漁業集落排水</t>
  </si>
  <si>
    <t>H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収益的収支比率及び経費回収率が100％達しておらず、一般会計からの繰入金に依存している状態です。区域内人口が急激に減少しており需要の増加は見込めません。経営の健全性を確保するためには、料金改定の検討が必要です。
　施設管理については、施設の長寿命化を図るためストックマネジメント等を活用し、適切な資産管理を行う必要があります。
　令和6年度から公共下水道事業と一体として公営企業法の適用事業となる予定です。</t>
    <rPh sb="1" eb="3">
      <t>シュウエキ</t>
    </rPh>
    <rPh sb="3" eb="4">
      <t>テキ</t>
    </rPh>
    <rPh sb="4" eb="6">
      <t>シュウシ</t>
    </rPh>
    <rPh sb="6" eb="8">
      <t>ヒリツ</t>
    </rPh>
    <rPh sb="8" eb="9">
      <t>オヨ</t>
    </rPh>
    <rPh sb="10" eb="12">
      <t>ケイヒ</t>
    </rPh>
    <rPh sb="12" eb="14">
      <t>カイシュウ</t>
    </rPh>
    <rPh sb="14" eb="15">
      <t>リツ</t>
    </rPh>
    <rPh sb="20" eb="21">
      <t>タッ</t>
    </rPh>
    <rPh sb="27" eb="31">
      <t>イッパンカイケイ</t>
    </rPh>
    <rPh sb="34" eb="37">
      <t>クリイレキン</t>
    </rPh>
    <rPh sb="38" eb="40">
      <t>イゾン</t>
    </rPh>
    <rPh sb="44" eb="46">
      <t>ジョウタイ</t>
    </rPh>
    <rPh sb="49" eb="54">
      <t>クイキナイジンコウ</t>
    </rPh>
    <rPh sb="55" eb="57">
      <t>キュウゲキ</t>
    </rPh>
    <rPh sb="58" eb="60">
      <t>ゲンショウ</t>
    </rPh>
    <rPh sb="64" eb="66">
      <t>ジュヨウ</t>
    </rPh>
    <rPh sb="67" eb="69">
      <t>ゾウカ</t>
    </rPh>
    <rPh sb="70" eb="72">
      <t>ミコ</t>
    </rPh>
    <rPh sb="77" eb="79">
      <t>ケイエイ</t>
    </rPh>
    <rPh sb="80" eb="83">
      <t>ケンゼンセイ</t>
    </rPh>
    <rPh sb="84" eb="86">
      <t>カクホ</t>
    </rPh>
    <rPh sb="93" eb="97">
      <t>リョウキンカイテイ</t>
    </rPh>
    <rPh sb="98" eb="100">
      <t>ケントウ</t>
    </rPh>
    <rPh sb="101" eb="103">
      <t>ヒツヨウ</t>
    </rPh>
    <rPh sb="108" eb="112">
      <t>シセツカンリ</t>
    </rPh>
    <rPh sb="118" eb="120">
      <t>シセツ</t>
    </rPh>
    <rPh sb="121" eb="125">
      <t>チョウジュミョウカ</t>
    </rPh>
    <rPh sb="126" eb="127">
      <t>ハカ</t>
    </rPh>
    <rPh sb="140" eb="141">
      <t>トウ</t>
    </rPh>
    <rPh sb="142" eb="144">
      <t>カツヨウ</t>
    </rPh>
    <rPh sb="146" eb="148">
      <t>テキセツ</t>
    </rPh>
    <rPh sb="149" eb="153">
      <t>シサンカンリ</t>
    </rPh>
    <rPh sb="154" eb="155">
      <t>オコナ</t>
    </rPh>
    <rPh sb="156" eb="158">
      <t>ヒツヨウ</t>
    </rPh>
    <rPh sb="166" eb="168">
      <t>レイワ</t>
    </rPh>
    <rPh sb="169" eb="171">
      <t>ネンド</t>
    </rPh>
    <rPh sb="173" eb="180">
      <t>コウキョウゲスイドウジギョウ</t>
    </rPh>
    <rPh sb="181" eb="183">
      <t>イッタイ</t>
    </rPh>
    <rPh sb="186" eb="191">
      <t>コウエイキギョウホウ</t>
    </rPh>
    <rPh sb="192" eb="196">
      <t>テキヨウジギョウ</t>
    </rPh>
    <rPh sb="199" eb="201">
      <t>ヨテイ</t>
    </rPh>
    <phoneticPr fontId="4"/>
  </si>
  <si>
    <t>　供用開始後30年が経過していますが、管渠の老朽化までには至っていません。
　地域住民の減少等を考えるとダウンサイジングも考慮しながら、ストックマネジメントを基に適切な更新を行う必要があると考えております。</t>
    <rPh sb="1" eb="6">
      <t>キョウヨウカイシゴ</t>
    </rPh>
    <rPh sb="8" eb="9">
      <t>ネン</t>
    </rPh>
    <rPh sb="10" eb="12">
      <t>ケイカ</t>
    </rPh>
    <rPh sb="19" eb="21">
      <t>カンキョ</t>
    </rPh>
    <rPh sb="22" eb="25">
      <t>ロウキュウカ</t>
    </rPh>
    <rPh sb="29" eb="30">
      <t>イタ</t>
    </rPh>
    <rPh sb="40" eb="44">
      <t>チイキジュウミン</t>
    </rPh>
    <rPh sb="45" eb="47">
      <t>ゲンショウ</t>
    </rPh>
    <rPh sb="47" eb="48">
      <t>トウ</t>
    </rPh>
    <rPh sb="49" eb="50">
      <t>カンガ</t>
    </rPh>
    <rPh sb="62" eb="64">
      <t>コウリョ</t>
    </rPh>
    <rPh sb="80" eb="81">
      <t>モト</t>
    </rPh>
    <rPh sb="82" eb="84">
      <t>テキセツ</t>
    </rPh>
    <rPh sb="85" eb="87">
      <t>コウシン</t>
    </rPh>
    <rPh sb="88" eb="89">
      <t>オコナ</t>
    </rPh>
    <rPh sb="90" eb="92">
      <t>ヒツヨウ</t>
    </rPh>
    <rPh sb="96" eb="97">
      <t>カンガ</t>
    </rPh>
    <phoneticPr fontId="4"/>
  </si>
  <si>
    <t>〇経営の健全性
　収益的収支比率は、区域内人口の減少による料金減少等により前年度から3.78％減となっています。
　企業債残高対事業規模比率は、企業債を完済したため0％です。
　経費回収率についても、区域内人口の減少による料金減少等により前年度から5.6％減となっています。
〇汚水処理原価
　汚水処理原価は、物価高騰などにより前年度から11.52円増となっています。
　施設利用率及び水洗化率は、区域内人口の減少等により年々低下しています。
 地域住民の減少が年々進んでいるため、下水道使用料の減少が顕著に現れています。令和６年度より、法適用の企業会計を行うため、より厳しい経営が求められるものと考えております。</t>
    <rPh sb="1" eb="3">
      <t>ケイエイ</t>
    </rPh>
    <rPh sb="4" eb="7">
      <t>ケンゼンセイ</t>
    </rPh>
    <rPh sb="9" eb="16">
      <t>シュウエキテキシュウシヒリツ</t>
    </rPh>
    <rPh sb="140" eb="146">
      <t>オスイショリゲンカ</t>
    </rPh>
    <rPh sb="148" eb="154">
      <t>オスイショリゲンカ</t>
    </rPh>
    <rPh sb="156" eb="160">
      <t>ブッカコウトウ</t>
    </rPh>
    <rPh sb="165" eb="168">
      <t>ゼンネンド</t>
    </rPh>
    <rPh sb="175" eb="176">
      <t>エン</t>
    </rPh>
    <rPh sb="176" eb="177">
      <t>ゾウ</t>
    </rPh>
    <rPh sb="187" eb="192">
      <t>シセツリヨウリツ</t>
    </rPh>
    <rPh sb="192" eb="193">
      <t>オヨ</t>
    </rPh>
    <rPh sb="194" eb="198">
      <t>スイセンカリツ</t>
    </rPh>
    <rPh sb="200" eb="203">
      <t>クイキナイ</t>
    </rPh>
    <rPh sb="203" eb="205">
      <t>ジンコウ</t>
    </rPh>
    <rPh sb="206" eb="208">
      <t>ゲンショウ</t>
    </rPh>
    <rPh sb="208" eb="209">
      <t>トウ</t>
    </rPh>
    <rPh sb="212" eb="216">
      <t>ネンネンテイカ</t>
    </rPh>
    <rPh sb="225" eb="227">
      <t>チイキ</t>
    </rPh>
    <rPh sb="227" eb="229">
      <t>ジュウミン</t>
    </rPh>
    <rPh sb="230" eb="232">
      <t>ゲンショウ</t>
    </rPh>
    <rPh sb="233" eb="235">
      <t>ネンネン</t>
    </rPh>
    <rPh sb="235" eb="236">
      <t>スス</t>
    </rPh>
    <rPh sb="243" eb="249">
      <t>ゲスイドウシヨウリョウ</t>
    </rPh>
    <rPh sb="250" eb="252">
      <t>ゲンショウ</t>
    </rPh>
    <rPh sb="253" eb="255">
      <t>ケンチョ</t>
    </rPh>
    <rPh sb="256" eb="257">
      <t>アラワ</t>
    </rPh>
    <rPh sb="263" eb="265">
      <t>レイワ</t>
    </rPh>
    <rPh sb="266" eb="268">
      <t>ネンド</t>
    </rPh>
    <rPh sb="271" eb="273">
      <t>ホウテキ</t>
    </rPh>
    <rPh sb="273" eb="274">
      <t>ヨウ</t>
    </rPh>
    <rPh sb="275" eb="279">
      <t>キギョウカイケイ</t>
    </rPh>
    <rPh sb="280" eb="281">
      <t>オコナ</t>
    </rPh>
    <rPh sb="287" eb="288">
      <t>キビ</t>
    </rPh>
    <rPh sb="290" eb="292">
      <t>ケイエイ</t>
    </rPh>
    <rPh sb="293" eb="294">
      <t>モト</t>
    </rPh>
    <rPh sb="301" eb="302">
      <t>カンガ</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89A9-49BA-ABCC-1E1D99A40E98}"/>
            </c:ext>
          </c:extLst>
        </c:ser>
        <c:dLbls>
          <c:showLegendKey val="0"/>
          <c:showVal val="0"/>
          <c:showCatName val="0"/>
          <c:showSerName val="0"/>
          <c:showPercent val="0"/>
          <c:showBubbleSize val="0"/>
        </c:dLbls>
        <c:gapWidth val="150"/>
        <c:axId val="204790016"/>
        <c:axId val="20661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2</c:v>
                </c:pt>
                <c:pt idx="1">
                  <c:v>0.01</c:v>
                </c:pt>
                <c:pt idx="2">
                  <c:v>1.6</c:v>
                </c:pt>
                <c:pt idx="3">
                  <c:v>0.01</c:v>
                </c:pt>
                <c:pt idx="4">
                  <c:v>0.01</c:v>
                </c:pt>
              </c:numCache>
            </c:numRef>
          </c:val>
          <c:smooth val="0"/>
          <c:extLst>
            <c:ext xmlns:c16="http://schemas.microsoft.com/office/drawing/2014/chart" uri="{C3380CC4-5D6E-409C-BE32-E72D297353CC}">
              <c16:uniqueId val="{00000001-89A9-49BA-ABCC-1E1D99A40E98}"/>
            </c:ext>
          </c:extLst>
        </c:ser>
        <c:dLbls>
          <c:showLegendKey val="0"/>
          <c:showVal val="0"/>
          <c:showCatName val="0"/>
          <c:showSerName val="0"/>
          <c:showPercent val="0"/>
          <c:showBubbleSize val="0"/>
        </c:dLbls>
        <c:marker val="1"/>
        <c:smooth val="0"/>
        <c:axId val="204790016"/>
        <c:axId val="206619776"/>
      </c:lineChart>
      <c:dateAx>
        <c:axId val="204790016"/>
        <c:scaling>
          <c:orientation val="minMax"/>
        </c:scaling>
        <c:delete val="1"/>
        <c:axPos val="b"/>
        <c:numFmt formatCode="&quot;H&quot;yy" sourceLinked="1"/>
        <c:majorTickMark val="none"/>
        <c:minorTickMark val="none"/>
        <c:tickLblPos val="none"/>
        <c:crossAx val="206619776"/>
        <c:crosses val="autoZero"/>
        <c:auto val="1"/>
        <c:lblOffset val="100"/>
        <c:baseTimeUnit val="years"/>
      </c:dateAx>
      <c:valAx>
        <c:axId val="20661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79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37.32</c:v>
                </c:pt>
                <c:pt idx="1">
                  <c:v>34.29</c:v>
                </c:pt>
                <c:pt idx="2">
                  <c:v>32.380000000000003</c:v>
                </c:pt>
                <c:pt idx="3">
                  <c:v>33.01</c:v>
                </c:pt>
                <c:pt idx="4">
                  <c:v>31.9</c:v>
                </c:pt>
              </c:numCache>
            </c:numRef>
          </c:val>
          <c:extLst>
            <c:ext xmlns:c16="http://schemas.microsoft.com/office/drawing/2014/chart" uri="{C3380CC4-5D6E-409C-BE32-E72D297353CC}">
              <c16:uniqueId val="{00000000-0BD0-4CDF-86EE-9FDEA01AA94C}"/>
            </c:ext>
          </c:extLst>
        </c:ser>
        <c:dLbls>
          <c:showLegendKey val="0"/>
          <c:showVal val="0"/>
          <c:showCatName val="0"/>
          <c:showSerName val="0"/>
          <c:showPercent val="0"/>
          <c:showBubbleSize val="0"/>
        </c:dLbls>
        <c:gapWidth val="150"/>
        <c:axId val="73398144"/>
        <c:axId val="139853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32.229999999999997</c:v>
                </c:pt>
                <c:pt idx="1">
                  <c:v>32.479999999999997</c:v>
                </c:pt>
                <c:pt idx="2">
                  <c:v>30.19</c:v>
                </c:pt>
                <c:pt idx="3">
                  <c:v>28.77</c:v>
                </c:pt>
                <c:pt idx="4">
                  <c:v>26.22</c:v>
                </c:pt>
              </c:numCache>
            </c:numRef>
          </c:val>
          <c:smooth val="0"/>
          <c:extLst>
            <c:ext xmlns:c16="http://schemas.microsoft.com/office/drawing/2014/chart" uri="{C3380CC4-5D6E-409C-BE32-E72D297353CC}">
              <c16:uniqueId val="{00000001-0BD0-4CDF-86EE-9FDEA01AA94C}"/>
            </c:ext>
          </c:extLst>
        </c:ser>
        <c:dLbls>
          <c:showLegendKey val="0"/>
          <c:showVal val="0"/>
          <c:showCatName val="0"/>
          <c:showSerName val="0"/>
          <c:showPercent val="0"/>
          <c:showBubbleSize val="0"/>
        </c:dLbls>
        <c:marker val="1"/>
        <c:smooth val="0"/>
        <c:axId val="73398144"/>
        <c:axId val="139853824"/>
      </c:lineChart>
      <c:dateAx>
        <c:axId val="73398144"/>
        <c:scaling>
          <c:orientation val="minMax"/>
        </c:scaling>
        <c:delete val="1"/>
        <c:axPos val="b"/>
        <c:numFmt formatCode="&quot;H&quot;yy" sourceLinked="1"/>
        <c:majorTickMark val="none"/>
        <c:minorTickMark val="none"/>
        <c:tickLblPos val="none"/>
        <c:crossAx val="139853824"/>
        <c:crosses val="autoZero"/>
        <c:auto val="1"/>
        <c:lblOffset val="100"/>
        <c:baseTimeUnit val="years"/>
      </c:dateAx>
      <c:valAx>
        <c:axId val="139853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8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77.8</c:v>
                </c:pt>
                <c:pt idx="1">
                  <c:v>78.2</c:v>
                </c:pt>
                <c:pt idx="2">
                  <c:v>77.81</c:v>
                </c:pt>
                <c:pt idx="3">
                  <c:v>78.260000000000005</c:v>
                </c:pt>
                <c:pt idx="4">
                  <c:v>76.92</c:v>
                </c:pt>
              </c:numCache>
            </c:numRef>
          </c:val>
          <c:extLst>
            <c:ext xmlns:c16="http://schemas.microsoft.com/office/drawing/2014/chart" uri="{C3380CC4-5D6E-409C-BE32-E72D297353CC}">
              <c16:uniqueId val="{00000000-3E1A-4650-A0B9-C4D26E060192}"/>
            </c:ext>
          </c:extLst>
        </c:ser>
        <c:dLbls>
          <c:showLegendKey val="0"/>
          <c:showVal val="0"/>
          <c:showCatName val="0"/>
          <c:showSerName val="0"/>
          <c:showPercent val="0"/>
          <c:showBubbleSize val="0"/>
        </c:dLbls>
        <c:gapWidth val="150"/>
        <c:axId val="139884032"/>
        <c:axId val="13988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0.8</c:v>
                </c:pt>
                <c:pt idx="1">
                  <c:v>79.2</c:v>
                </c:pt>
                <c:pt idx="2">
                  <c:v>79.09</c:v>
                </c:pt>
                <c:pt idx="3">
                  <c:v>78.900000000000006</c:v>
                </c:pt>
                <c:pt idx="4">
                  <c:v>78.03</c:v>
                </c:pt>
              </c:numCache>
            </c:numRef>
          </c:val>
          <c:smooth val="0"/>
          <c:extLst>
            <c:ext xmlns:c16="http://schemas.microsoft.com/office/drawing/2014/chart" uri="{C3380CC4-5D6E-409C-BE32-E72D297353CC}">
              <c16:uniqueId val="{00000001-3E1A-4650-A0B9-C4D26E060192}"/>
            </c:ext>
          </c:extLst>
        </c:ser>
        <c:dLbls>
          <c:showLegendKey val="0"/>
          <c:showVal val="0"/>
          <c:showCatName val="0"/>
          <c:showSerName val="0"/>
          <c:showPercent val="0"/>
          <c:showBubbleSize val="0"/>
        </c:dLbls>
        <c:marker val="1"/>
        <c:smooth val="0"/>
        <c:axId val="139884032"/>
        <c:axId val="139885952"/>
      </c:lineChart>
      <c:dateAx>
        <c:axId val="139884032"/>
        <c:scaling>
          <c:orientation val="minMax"/>
        </c:scaling>
        <c:delete val="1"/>
        <c:axPos val="b"/>
        <c:numFmt formatCode="&quot;H&quot;yy" sourceLinked="1"/>
        <c:majorTickMark val="none"/>
        <c:minorTickMark val="none"/>
        <c:tickLblPos val="none"/>
        <c:crossAx val="139885952"/>
        <c:crosses val="autoZero"/>
        <c:auto val="1"/>
        <c:lblOffset val="100"/>
        <c:baseTimeUnit val="years"/>
      </c:dateAx>
      <c:valAx>
        <c:axId val="13988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84.42</c:v>
                </c:pt>
                <c:pt idx="1">
                  <c:v>87.54</c:v>
                </c:pt>
                <c:pt idx="2">
                  <c:v>91.76</c:v>
                </c:pt>
                <c:pt idx="3">
                  <c:v>93.28</c:v>
                </c:pt>
                <c:pt idx="4">
                  <c:v>89.5</c:v>
                </c:pt>
              </c:numCache>
            </c:numRef>
          </c:val>
          <c:extLst>
            <c:ext xmlns:c16="http://schemas.microsoft.com/office/drawing/2014/chart" uri="{C3380CC4-5D6E-409C-BE32-E72D297353CC}">
              <c16:uniqueId val="{00000000-A3AD-47ED-A4F3-E5D8B7C07675}"/>
            </c:ext>
          </c:extLst>
        </c:ser>
        <c:dLbls>
          <c:showLegendKey val="0"/>
          <c:showVal val="0"/>
          <c:showCatName val="0"/>
          <c:showSerName val="0"/>
          <c:showPercent val="0"/>
          <c:showBubbleSize val="0"/>
        </c:dLbls>
        <c:gapWidth val="150"/>
        <c:axId val="214084992"/>
        <c:axId val="217040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A3AD-47ED-A4F3-E5D8B7C07675}"/>
            </c:ext>
          </c:extLst>
        </c:ser>
        <c:dLbls>
          <c:showLegendKey val="0"/>
          <c:showVal val="0"/>
          <c:showCatName val="0"/>
          <c:showSerName val="0"/>
          <c:showPercent val="0"/>
          <c:showBubbleSize val="0"/>
        </c:dLbls>
        <c:marker val="1"/>
        <c:smooth val="0"/>
        <c:axId val="214084992"/>
        <c:axId val="217040384"/>
      </c:lineChart>
      <c:dateAx>
        <c:axId val="214084992"/>
        <c:scaling>
          <c:orientation val="minMax"/>
        </c:scaling>
        <c:delete val="1"/>
        <c:axPos val="b"/>
        <c:numFmt formatCode="&quot;H&quot;yy" sourceLinked="1"/>
        <c:majorTickMark val="none"/>
        <c:minorTickMark val="none"/>
        <c:tickLblPos val="none"/>
        <c:crossAx val="217040384"/>
        <c:crosses val="autoZero"/>
        <c:auto val="1"/>
        <c:lblOffset val="100"/>
        <c:baseTimeUnit val="years"/>
      </c:dateAx>
      <c:valAx>
        <c:axId val="217040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5FAA-4DC5-A7B6-7E11B18F96D9}"/>
            </c:ext>
          </c:extLst>
        </c:ser>
        <c:dLbls>
          <c:showLegendKey val="0"/>
          <c:showVal val="0"/>
          <c:showCatName val="0"/>
          <c:showSerName val="0"/>
          <c:showPercent val="0"/>
          <c:showBubbleSize val="0"/>
        </c:dLbls>
        <c:gapWidth val="150"/>
        <c:axId val="217610112"/>
        <c:axId val="218298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5FAA-4DC5-A7B6-7E11B18F96D9}"/>
            </c:ext>
          </c:extLst>
        </c:ser>
        <c:dLbls>
          <c:showLegendKey val="0"/>
          <c:showVal val="0"/>
          <c:showCatName val="0"/>
          <c:showSerName val="0"/>
          <c:showPercent val="0"/>
          <c:showBubbleSize val="0"/>
        </c:dLbls>
        <c:marker val="1"/>
        <c:smooth val="0"/>
        <c:axId val="217610112"/>
        <c:axId val="218298240"/>
      </c:lineChart>
      <c:dateAx>
        <c:axId val="217610112"/>
        <c:scaling>
          <c:orientation val="minMax"/>
        </c:scaling>
        <c:delete val="1"/>
        <c:axPos val="b"/>
        <c:numFmt formatCode="&quot;H&quot;yy" sourceLinked="1"/>
        <c:majorTickMark val="none"/>
        <c:minorTickMark val="none"/>
        <c:tickLblPos val="none"/>
        <c:crossAx val="218298240"/>
        <c:crosses val="autoZero"/>
        <c:auto val="1"/>
        <c:lblOffset val="100"/>
        <c:baseTimeUnit val="years"/>
      </c:dateAx>
      <c:valAx>
        <c:axId val="2182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4E81-49DD-8A5C-CADD3E2A3A41}"/>
            </c:ext>
          </c:extLst>
        </c:ser>
        <c:dLbls>
          <c:showLegendKey val="0"/>
          <c:showVal val="0"/>
          <c:showCatName val="0"/>
          <c:showSerName val="0"/>
          <c:showPercent val="0"/>
          <c:showBubbleSize val="0"/>
        </c:dLbls>
        <c:gapWidth val="150"/>
        <c:axId val="73212288"/>
        <c:axId val="73214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4E81-49DD-8A5C-CADD3E2A3A41}"/>
            </c:ext>
          </c:extLst>
        </c:ser>
        <c:dLbls>
          <c:showLegendKey val="0"/>
          <c:showVal val="0"/>
          <c:showCatName val="0"/>
          <c:showSerName val="0"/>
          <c:showPercent val="0"/>
          <c:showBubbleSize val="0"/>
        </c:dLbls>
        <c:marker val="1"/>
        <c:smooth val="0"/>
        <c:axId val="73212288"/>
        <c:axId val="73214208"/>
      </c:lineChart>
      <c:dateAx>
        <c:axId val="73212288"/>
        <c:scaling>
          <c:orientation val="minMax"/>
        </c:scaling>
        <c:delete val="1"/>
        <c:axPos val="b"/>
        <c:numFmt formatCode="&quot;H&quot;yy" sourceLinked="1"/>
        <c:majorTickMark val="none"/>
        <c:minorTickMark val="none"/>
        <c:tickLblPos val="none"/>
        <c:crossAx val="73214208"/>
        <c:crosses val="autoZero"/>
        <c:auto val="1"/>
        <c:lblOffset val="100"/>
        <c:baseTimeUnit val="years"/>
      </c:dateAx>
      <c:valAx>
        <c:axId val="73214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12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0384-4CB6-A298-81F42621B735}"/>
            </c:ext>
          </c:extLst>
        </c:ser>
        <c:dLbls>
          <c:showLegendKey val="0"/>
          <c:showVal val="0"/>
          <c:showCatName val="0"/>
          <c:showSerName val="0"/>
          <c:showPercent val="0"/>
          <c:showBubbleSize val="0"/>
        </c:dLbls>
        <c:gapWidth val="150"/>
        <c:axId val="73228288"/>
        <c:axId val="73230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0384-4CB6-A298-81F42621B735}"/>
            </c:ext>
          </c:extLst>
        </c:ser>
        <c:dLbls>
          <c:showLegendKey val="0"/>
          <c:showVal val="0"/>
          <c:showCatName val="0"/>
          <c:showSerName val="0"/>
          <c:showPercent val="0"/>
          <c:showBubbleSize val="0"/>
        </c:dLbls>
        <c:marker val="1"/>
        <c:smooth val="0"/>
        <c:axId val="73228288"/>
        <c:axId val="73230208"/>
      </c:lineChart>
      <c:dateAx>
        <c:axId val="73228288"/>
        <c:scaling>
          <c:orientation val="minMax"/>
        </c:scaling>
        <c:delete val="1"/>
        <c:axPos val="b"/>
        <c:numFmt formatCode="&quot;H&quot;yy" sourceLinked="1"/>
        <c:majorTickMark val="none"/>
        <c:minorTickMark val="none"/>
        <c:tickLblPos val="none"/>
        <c:crossAx val="73230208"/>
        <c:crosses val="autoZero"/>
        <c:auto val="1"/>
        <c:lblOffset val="100"/>
        <c:baseTimeUnit val="years"/>
      </c:dateAx>
      <c:valAx>
        <c:axId val="732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BBE4-46CE-BDEB-F8628DA71444}"/>
            </c:ext>
          </c:extLst>
        </c:ser>
        <c:dLbls>
          <c:showLegendKey val="0"/>
          <c:showVal val="0"/>
          <c:showCatName val="0"/>
          <c:showSerName val="0"/>
          <c:showPercent val="0"/>
          <c:showBubbleSize val="0"/>
        </c:dLbls>
        <c:gapWidth val="150"/>
        <c:axId val="73239936"/>
        <c:axId val="7325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BBE4-46CE-BDEB-F8628DA71444}"/>
            </c:ext>
          </c:extLst>
        </c:ser>
        <c:dLbls>
          <c:showLegendKey val="0"/>
          <c:showVal val="0"/>
          <c:showCatName val="0"/>
          <c:showSerName val="0"/>
          <c:showPercent val="0"/>
          <c:showBubbleSize val="0"/>
        </c:dLbls>
        <c:marker val="1"/>
        <c:smooth val="0"/>
        <c:axId val="73239936"/>
        <c:axId val="73250304"/>
      </c:lineChart>
      <c:dateAx>
        <c:axId val="73239936"/>
        <c:scaling>
          <c:orientation val="minMax"/>
        </c:scaling>
        <c:delete val="1"/>
        <c:axPos val="b"/>
        <c:numFmt formatCode="&quot;H&quot;yy" sourceLinked="1"/>
        <c:majorTickMark val="none"/>
        <c:minorTickMark val="none"/>
        <c:tickLblPos val="none"/>
        <c:crossAx val="73250304"/>
        <c:crosses val="autoZero"/>
        <c:auto val="1"/>
        <c:lblOffset val="100"/>
        <c:baseTimeUnit val="years"/>
      </c:dateAx>
      <c:valAx>
        <c:axId val="7325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39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formatCode="#,##0.00;&quot;△&quot;#,##0.00">
                  <c:v>0</c:v>
                </c:pt>
                <c:pt idx="1">
                  <c:v>10.35</c:v>
                </c:pt>
                <c:pt idx="2">
                  <c:v>21.35</c:v>
                </c:pt>
                <c:pt idx="3">
                  <c:v>5.97</c:v>
                </c:pt>
                <c:pt idx="4" formatCode="#,##0.00;&quot;△&quot;#,##0.00">
                  <c:v>0</c:v>
                </c:pt>
              </c:numCache>
            </c:numRef>
          </c:val>
          <c:extLst>
            <c:ext xmlns:c16="http://schemas.microsoft.com/office/drawing/2014/chart" uri="{C3380CC4-5D6E-409C-BE32-E72D297353CC}">
              <c16:uniqueId val="{00000000-5F55-4BAD-B21B-3E4801F85C90}"/>
            </c:ext>
          </c:extLst>
        </c:ser>
        <c:dLbls>
          <c:showLegendKey val="0"/>
          <c:showVal val="0"/>
          <c:showCatName val="0"/>
          <c:showSerName val="0"/>
          <c:showPercent val="0"/>
          <c:showBubbleSize val="0"/>
        </c:dLbls>
        <c:gapWidth val="150"/>
        <c:axId val="73337856"/>
        <c:axId val="7334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06.65</c:v>
                </c:pt>
                <c:pt idx="1">
                  <c:v>998.42</c:v>
                </c:pt>
                <c:pt idx="2">
                  <c:v>1095.52</c:v>
                </c:pt>
                <c:pt idx="3">
                  <c:v>1056.55</c:v>
                </c:pt>
                <c:pt idx="4">
                  <c:v>1278.54</c:v>
                </c:pt>
              </c:numCache>
            </c:numRef>
          </c:val>
          <c:smooth val="0"/>
          <c:extLst>
            <c:ext xmlns:c16="http://schemas.microsoft.com/office/drawing/2014/chart" uri="{C3380CC4-5D6E-409C-BE32-E72D297353CC}">
              <c16:uniqueId val="{00000001-5F55-4BAD-B21B-3E4801F85C90}"/>
            </c:ext>
          </c:extLst>
        </c:ser>
        <c:dLbls>
          <c:showLegendKey val="0"/>
          <c:showVal val="0"/>
          <c:showCatName val="0"/>
          <c:showSerName val="0"/>
          <c:showPercent val="0"/>
          <c:showBubbleSize val="0"/>
        </c:dLbls>
        <c:marker val="1"/>
        <c:smooth val="0"/>
        <c:axId val="73337856"/>
        <c:axId val="73340032"/>
      </c:lineChart>
      <c:dateAx>
        <c:axId val="73337856"/>
        <c:scaling>
          <c:orientation val="minMax"/>
        </c:scaling>
        <c:delete val="1"/>
        <c:axPos val="b"/>
        <c:numFmt formatCode="&quot;H&quot;yy" sourceLinked="1"/>
        <c:majorTickMark val="none"/>
        <c:minorTickMark val="none"/>
        <c:tickLblPos val="none"/>
        <c:crossAx val="73340032"/>
        <c:crosses val="autoZero"/>
        <c:auto val="1"/>
        <c:lblOffset val="100"/>
        <c:baseTimeUnit val="years"/>
      </c:dateAx>
      <c:valAx>
        <c:axId val="7334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84.78</c:v>
                </c:pt>
                <c:pt idx="1">
                  <c:v>94.62</c:v>
                </c:pt>
                <c:pt idx="2">
                  <c:v>98.41</c:v>
                </c:pt>
                <c:pt idx="3">
                  <c:v>96.95</c:v>
                </c:pt>
                <c:pt idx="4">
                  <c:v>91.35</c:v>
                </c:pt>
              </c:numCache>
            </c:numRef>
          </c:val>
          <c:extLst>
            <c:ext xmlns:c16="http://schemas.microsoft.com/office/drawing/2014/chart" uri="{C3380CC4-5D6E-409C-BE32-E72D297353CC}">
              <c16:uniqueId val="{00000000-EC04-4E68-8997-19D6A0E7FFDE}"/>
            </c:ext>
          </c:extLst>
        </c:ser>
        <c:dLbls>
          <c:showLegendKey val="0"/>
          <c:showVal val="0"/>
          <c:showCatName val="0"/>
          <c:showSerName val="0"/>
          <c:showPercent val="0"/>
          <c:showBubbleSize val="0"/>
        </c:dLbls>
        <c:gapWidth val="150"/>
        <c:axId val="73353856"/>
        <c:axId val="73360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43.43</c:v>
                </c:pt>
                <c:pt idx="1">
                  <c:v>41.41</c:v>
                </c:pt>
                <c:pt idx="2">
                  <c:v>39.64</c:v>
                </c:pt>
                <c:pt idx="3">
                  <c:v>40</c:v>
                </c:pt>
                <c:pt idx="4">
                  <c:v>38.74</c:v>
                </c:pt>
              </c:numCache>
            </c:numRef>
          </c:val>
          <c:smooth val="0"/>
          <c:extLst>
            <c:ext xmlns:c16="http://schemas.microsoft.com/office/drawing/2014/chart" uri="{C3380CC4-5D6E-409C-BE32-E72D297353CC}">
              <c16:uniqueId val="{00000001-EC04-4E68-8997-19D6A0E7FFDE}"/>
            </c:ext>
          </c:extLst>
        </c:ser>
        <c:dLbls>
          <c:showLegendKey val="0"/>
          <c:showVal val="0"/>
          <c:showCatName val="0"/>
          <c:showSerName val="0"/>
          <c:showPercent val="0"/>
          <c:showBubbleSize val="0"/>
        </c:dLbls>
        <c:marker val="1"/>
        <c:smooth val="0"/>
        <c:axId val="73353856"/>
        <c:axId val="73360128"/>
      </c:lineChart>
      <c:dateAx>
        <c:axId val="73353856"/>
        <c:scaling>
          <c:orientation val="minMax"/>
        </c:scaling>
        <c:delete val="1"/>
        <c:axPos val="b"/>
        <c:numFmt formatCode="&quot;H&quot;yy" sourceLinked="1"/>
        <c:majorTickMark val="none"/>
        <c:minorTickMark val="none"/>
        <c:tickLblPos val="none"/>
        <c:crossAx val="73360128"/>
        <c:crosses val="autoZero"/>
        <c:auto val="1"/>
        <c:lblOffset val="100"/>
        <c:baseTimeUnit val="years"/>
      </c:dateAx>
      <c:valAx>
        <c:axId val="73360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3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65.62</c:v>
                </c:pt>
                <c:pt idx="1">
                  <c:v>150.02000000000001</c:v>
                </c:pt>
                <c:pt idx="2">
                  <c:v>149.97</c:v>
                </c:pt>
                <c:pt idx="3">
                  <c:v>150.01</c:v>
                </c:pt>
                <c:pt idx="4">
                  <c:v>161.53</c:v>
                </c:pt>
              </c:numCache>
            </c:numRef>
          </c:val>
          <c:extLst>
            <c:ext xmlns:c16="http://schemas.microsoft.com/office/drawing/2014/chart" uri="{C3380CC4-5D6E-409C-BE32-E72D297353CC}">
              <c16:uniqueId val="{00000000-2D3C-4E59-A2CB-F5EE38A9C45A}"/>
            </c:ext>
          </c:extLst>
        </c:ser>
        <c:dLbls>
          <c:showLegendKey val="0"/>
          <c:showVal val="0"/>
          <c:showCatName val="0"/>
          <c:showSerName val="0"/>
          <c:showPercent val="0"/>
          <c:showBubbleSize val="0"/>
        </c:dLbls>
        <c:gapWidth val="150"/>
        <c:axId val="73369856"/>
        <c:axId val="73372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400.44</c:v>
                </c:pt>
                <c:pt idx="1">
                  <c:v>417.56</c:v>
                </c:pt>
                <c:pt idx="2">
                  <c:v>449.72</c:v>
                </c:pt>
                <c:pt idx="3">
                  <c:v>437.27</c:v>
                </c:pt>
                <c:pt idx="4">
                  <c:v>456.72</c:v>
                </c:pt>
              </c:numCache>
            </c:numRef>
          </c:val>
          <c:smooth val="0"/>
          <c:extLst>
            <c:ext xmlns:c16="http://schemas.microsoft.com/office/drawing/2014/chart" uri="{C3380CC4-5D6E-409C-BE32-E72D297353CC}">
              <c16:uniqueId val="{00000001-2D3C-4E59-A2CB-F5EE38A9C45A}"/>
            </c:ext>
          </c:extLst>
        </c:ser>
        <c:dLbls>
          <c:showLegendKey val="0"/>
          <c:showVal val="0"/>
          <c:showCatName val="0"/>
          <c:showSerName val="0"/>
          <c:showPercent val="0"/>
          <c:showBubbleSize val="0"/>
        </c:dLbls>
        <c:marker val="1"/>
        <c:smooth val="0"/>
        <c:axId val="73369856"/>
        <c:axId val="73372032"/>
      </c:lineChart>
      <c:dateAx>
        <c:axId val="73369856"/>
        <c:scaling>
          <c:orientation val="minMax"/>
        </c:scaling>
        <c:delete val="1"/>
        <c:axPos val="b"/>
        <c:numFmt formatCode="&quot;H&quot;yy" sourceLinked="1"/>
        <c:majorTickMark val="none"/>
        <c:minorTickMark val="none"/>
        <c:tickLblPos val="none"/>
        <c:crossAx val="73372032"/>
        <c:crosses val="autoZero"/>
        <c:auto val="1"/>
        <c:lblOffset val="100"/>
        <c:baseTimeUnit val="years"/>
      </c:dateAx>
      <c:valAx>
        <c:axId val="73372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8.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0.3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9.9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0.17】</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1.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6"/>
  <sheetViews>
    <sheetView showGridLines="0" tabSelected="1" topLeftCell="AG1" zoomScaleNormal="100" workbookViewId="0">
      <selection activeCell="BL45" sqref="BL45:BZ46"/>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宮崎県　川南町</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非適用</v>
      </c>
      <c r="C8" s="40"/>
      <c r="D8" s="40"/>
      <c r="E8" s="40"/>
      <c r="F8" s="40"/>
      <c r="G8" s="40"/>
      <c r="H8" s="40"/>
      <c r="I8" s="40" t="str">
        <f>データ!J6</f>
        <v>下水道事業</v>
      </c>
      <c r="J8" s="40"/>
      <c r="K8" s="40"/>
      <c r="L8" s="40"/>
      <c r="M8" s="40"/>
      <c r="N8" s="40"/>
      <c r="O8" s="40"/>
      <c r="P8" s="40" t="str">
        <f>データ!K6</f>
        <v>漁業集落排水</v>
      </c>
      <c r="Q8" s="40"/>
      <c r="R8" s="40"/>
      <c r="S8" s="40"/>
      <c r="T8" s="40"/>
      <c r="U8" s="40"/>
      <c r="V8" s="40"/>
      <c r="W8" s="40" t="str">
        <f>データ!L6</f>
        <v>H2</v>
      </c>
      <c r="X8" s="40"/>
      <c r="Y8" s="40"/>
      <c r="Z8" s="40"/>
      <c r="AA8" s="40"/>
      <c r="AB8" s="40"/>
      <c r="AC8" s="40"/>
      <c r="AD8" s="41" t="str">
        <f>データ!$M$6</f>
        <v>非設置</v>
      </c>
      <c r="AE8" s="41"/>
      <c r="AF8" s="41"/>
      <c r="AG8" s="41"/>
      <c r="AH8" s="41"/>
      <c r="AI8" s="41"/>
      <c r="AJ8" s="41"/>
      <c r="AK8" s="3"/>
      <c r="AL8" s="42">
        <f>データ!S6</f>
        <v>15095</v>
      </c>
      <c r="AM8" s="42"/>
      <c r="AN8" s="42"/>
      <c r="AO8" s="42"/>
      <c r="AP8" s="42"/>
      <c r="AQ8" s="42"/>
      <c r="AR8" s="42"/>
      <c r="AS8" s="42"/>
      <c r="AT8" s="35">
        <f>データ!T6</f>
        <v>90.13</v>
      </c>
      <c r="AU8" s="35"/>
      <c r="AV8" s="35"/>
      <c r="AW8" s="35"/>
      <c r="AX8" s="35"/>
      <c r="AY8" s="35"/>
      <c r="AZ8" s="35"/>
      <c r="BA8" s="35"/>
      <c r="BB8" s="35">
        <f>データ!U6</f>
        <v>167.48</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t="str">
        <f>データ!O6</f>
        <v>該当数値なし</v>
      </c>
      <c r="J10" s="35"/>
      <c r="K10" s="35"/>
      <c r="L10" s="35"/>
      <c r="M10" s="35"/>
      <c r="N10" s="35"/>
      <c r="O10" s="35"/>
      <c r="P10" s="35">
        <f>データ!P6</f>
        <v>5.54</v>
      </c>
      <c r="Q10" s="35"/>
      <c r="R10" s="35"/>
      <c r="S10" s="35"/>
      <c r="T10" s="35"/>
      <c r="U10" s="35"/>
      <c r="V10" s="35"/>
      <c r="W10" s="35">
        <f>データ!Q6</f>
        <v>83.17</v>
      </c>
      <c r="X10" s="35"/>
      <c r="Y10" s="35"/>
      <c r="Z10" s="35"/>
      <c r="AA10" s="35"/>
      <c r="AB10" s="35"/>
      <c r="AC10" s="35"/>
      <c r="AD10" s="42">
        <f>データ!R6</f>
        <v>2750</v>
      </c>
      <c r="AE10" s="42"/>
      <c r="AF10" s="42"/>
      <c r="AG10" s="42"/>
      <c r="AH10" s="42"/>
      <c r="AI10" s="42"/>
      <c r="AJ10" s="42"/>
      <c r="AK10" s="2"/>
      <c r="AL10" s="42">
        <f>データ!V6</f>
        <v>832</v>
      </c>
      <c r="AM10" s="42"/>
      <c r="AN10" s="42"/>
      <c r="AO10" s="42"/>
      <c r="AP10" s="42"/>
      <c r="AQ10" s="42"/>
      <c r="AR10" s="42"/>
      <c r="AS10" s="42"/>
      <c r="AT10" s="35">
        <f>データ!W6</f>
        <v>0.18</v>
      </c>
      <c r="AU10" s="35"/>
      <c r="AV10" s="35"/>
      <c r="AW10" s="35"/>
      <c r="AX10" s="35"/>
      <c r="AY10" s="35"/>
      <c r="AZ10" s="35"/>
      <c r="BA10" s="35"/>
      <c r="BB10" s="35">
        <f>データ!X6</f>
        <v>4622.22</v>
      </c>
      <c r="BC10" s="35"/>
      <c r="BD10" s="35"/>
      <c r="BE10" s="35"/>
      <c r="BF10" s="35"/>
      <c r="BG10" s="35"/>
      <c r="BH10" s="35"/>
      <c r="BI10" s="35"/>
      <c r="BJ10" s="2"/>
      <c r="BK10" s="2"/>
      <c r="BL10" s="67" t="s">
        <v>22</v>
      </c>
      <c r="BM10" s="68"/>
      <c r="BN10" s="69" t="s">
        <v>23</v>
      </c>
      <c r="BO10" s="69"/>
      <c r="BP10" s="69"/>
      <c r="BQ10" s="69"/>
      <c r="BR10" s="69"/>
      <c r="BS10" s="69"/>
      <c r="BT10" s="69"/>
      <c r="BU10" s="69"/>
      <c r="BV10" s="69"/>
      <c r="BW10" s="69"/>
      <c r="BX10" s="69"/>
      <c r="BY10" s="7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58"/>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59"/>
      <c r="AS15" s="59"/>
      <c r="AT15" s="59"/>
      <c r="AU15" s="59"/>
      <c r="AV15" s="59"/>
      <c r="AW15" s="59"/>
      <c r="AX15" s="59"/>
      <c r="AY15" s="59"/>
      <c r="AZ15" s="59"/>
      <c r="BA15" s="59"/>
      <c r="BB15" s="59"/>
      <c r="BC15" s="59"/>
      <c r="BD15" s="59"/>
      <c r="BE15" s="59"/>
      <c r="BF15" s="59"/>
      <c r="BG15" s="59"/>
      <c r="BH15" s="59"/>
      <c r="BI15" s="59"/>
      <c r="BJ15" s="6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1" t="s">
        <v>121</v>
      </c>
      <c r="BM16" s="62"/>
      <c r="BN16" s="62"/>
      <c r="BO16" s="62"/>
      <c r="BP16" s="62"/>
      <c r="BQ16" s="62"/>
      <c r="BR16" s="62"/>
      <c r="BS16" s="62"/>
      <c r="BT16" s="62"/>
      <c r="BU16" s="62"/>
      <c r="BV16" s="62"/>
      <c r="BW16" s="62"/>
      <c r="BX16" s="62"/>
      <c r="BY16" s="62"/>
      <c r="BZ16" s="63"/>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1"/>
      <c r="BM17" s="62"/>
      <c r="BN17" s="62"/>
      <c r="BO17" s="62"/>
      <c r="BP17" s="62"/>
      <c r="BQ17" s="62"/>
      <c r="BR17" s="62"/>
      <c r="BS17" s="62"/>
      <c r="BT17" s="62"/>
      <c r="BU17" s="62"/>
      <c r="BV17" s="62"/>
      <c r="BW17" s="62"/>
      <c r="BX17" s="62"/>
      <c r="BY17" s="62"/>
      <c r="BZ17" s="63"/>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1"/>
      <c r="BM18" s="62"/>
      <c r="BN18" s="62"/>
      <c r="BO18" s="62"/>
      <c r="BP18" s="62"/>
      <c r="BQ18" s="62"/>
      <c r="BR18" s="62"/>
      <c r="BS18" s="62"/>
      <c r="BT18" s="62"/>
      <c r="BU18" s="62"/>
      <c r="BV18" s="62"/>
      <c r="BW18" s="62"/>
      <c r="BX18" s="62"/>
      <c r="BY18" s="62"/>
      <c r="BZ18" s="63"/>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1"/>
      <c r="BM19" s="62"/>
      <c r="BN19" s="62"/>
      <c r="BO19" s="62"/>
      <c r="BP19" s="62"/>
      <c r="BQ19" s="62"/>
      <c r="BR19" s="62"/>
      <c r="BS19" s="62"/>
      <c r="BT19" s="62"/>
      <c r="BU19" s="62"/>
      <c r="BV19" s="62"/>
      <c r="BW19" s="62"/>
      <c r="BX19" s="62"/>
      <c r="BY19" s="62"/>
      <c r="BZ19" s="63"/>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1"/>
      <c r="BM20" s="62"/>
      <c r="BN20" s="62"/>
      <c r="BO20" s="62"/>
      <c r="BP20" s="62"/>
      <c r="BQ20" s="62"/>
      <c r="BR20" s="62"/>
      <c r="BS20" s="62"/>
      <c r="BT20" s="62"/>
      <c r="BU20" s="62"/>
      <c r="BV20" s="62"/>
      <c r="BW20" s="62"/>
      <c r="BX20" s="62"/>
      <c r="BY20" s="62"/>
      <c r="BZ20" s="63"/>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1"/>
      <c r="BM21" s="62"/>
      <c r="BN21" s="62"/>
      <c r="BO21" s="62"/>
      <c r="BP21" s="62"/>
      <c r="BQ21" s="62"/>
      <c r="BR21" s="62"/>
      <c r="BS21" s="62"/>
      <c r="BT21" s="62"/>
      <c r="BU21" s="62"/>
      <c r="BV21" s="62"/>
      <c r="BW21" s="62"/>
      <c r="BX21" s="62"/>
      <c r="BY21" s="62"/>
      <c r="BZ21" s="63"/>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1"/>
      <c r="BM22" s="62"/>
      <c r="BN22" s="62"/>
      <c r="BO22" s="62"/>
      <c r="BP22" s="62"/>
      <c r="BQ22" s="62"/>
      <c r="BR22" s="62"/>
      <c r="BS22" s="62"/>
      <c r="BT22" s="62"/>
      <c r="BU22" s="62"/>
      <c r="BV22" s="62"/>
      <c r="BW22" s="62"/>
      <c r="BX22" s="62"/>
      <c r="BY22" s="62"/>
      <c r="BZ22" s="63"/>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1"/>
      <c r="BM23" s="62"/>
      <c r="BN23" s="62"/>
      <c r="BO23" s="62"/>
      <c r="BP23" s="62"/>
      <c r="BQ23" s="62"/>
      <c r="BR23" s="62"/>
      <c r="BS23" s="62"/>
      <c r="BT23" s="62"/>
      <c r="BU23" s="62"/>
      <c r="BV23" s="62"/>
      <c r="BW23" s="62"/>
      <c r="BX23" s="62"/>
      <c r="BY23" s="62"/>
      <c r="BZ23" s="63"/>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1"/>
      <c r="BM24" s="62"/>
      <c r="BN24" s="62"/>
      <c r="BO24" s="62"/>
      <c r="BP24" s="62"/>
      <c r="BQ24" s="62"/>
      <c r="BR24" s="62"/>
      <c r="BS24" s="62"/>
      <c r="BT24" s="62"/>
      <c r="BU24" s="62"/>
      <c r="BV24" s="62"/>
      <c r="BW24" s="62"/>
      <c r="BX24" s="62"/>
      <c r="BY24" s="62"/>
      <c r="BZ24" s="63"/>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1"/>
      <c r="BM25" s="62"/>
      <c r="BN25" s="62"/>
      <c r="BO25" s="62"/>
      <c r="BP25" s="62"/>
      <c r="BQ25" s="62"/>
      <c r="BR25" s="62"/>
      <c r="BS25" s="62"/>
      <c r="BT25" s="62"/>
      <c r="BU25" s="62"/>
      <c r="BV25" s="62"/>
      <c r="BW25" s="62"/>
      <c r="BX25" s="62"/>
      <c r="BY25" s="62"/>
      <c r="BZ25" s="63"/>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1"/>
      <c r="BM26" s="62"/>
      <c r="BN26" s="62"/>
      <c r="BO26" s="62"/>
      <c r="BP26" s="62"/>
      <c r="BQ26" s="62"/>
      <c r="BR26" s="62"/>
      <c r="BS26" s="62"/>
      <c r="BT26" s="62"/>
      <c r="BU26" s="62"/>
      <c r="BV26" s="62"/>
      <c r="BW26" s="62"/>
      <c r="BX26" s="62"/>
      <c r="BY26" s="62"/>
      <c r="BZ26" s="63"/>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1"/>
      <c r="BM27" s="62"/>
      <c r="BN27" s="62"/>
      <c r="BO27" s="62"/>
      <c r="BP27" s="62"/>
      <c r="BQ27" s="62"/>
      <c r="BR27" s="62"/>
      <c r="BS27" s="62"/>
      <c r="BT27" s="62"/>
      <c r="BU27" s="62"/>
      <c r="BV27" s="62"/>
      <c r="BW27" s="62"/>
      <c r="BX27" s="62"/>
      <c r="BY27" s="62"/>
      <c r="BZ27" s="63"/>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1"/>
      <c r="BM28" s="62"/>
      <c r="BN28" s="62"/>
      <c r="BO28" s="62"/>
      <c r="BP28" s="62"/>
      <c r="BQ28" s="62"/>
      <c r="BR28" s="62"/>
      <c r="BS28" s="62"/>
      <c r="BT28" s="62"/>
      <c r="BU28" s="62"/>
      <c r="BV28" s="62"/>
      <c r="BW28" s="62"/>
      <c r="BX28" s="62"/>
      <c r="BY28" s="62"/>
      <c r="BZ28" s="63"/>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1"/>
      <c r="BM29" s="62"/>
      <c r="BN29" s="62"/>
      <c r="BO29" s="62"/>
      <c r="BP29" s="62"/>
      <c r="BQ29" s="62"/>
      <c r="BR29" s="62"/>
      <c r="BS29" s="62"/>
      <c r="BT29" s="62"/>
      <c r="BU29" s="62"/>
      <c r="BV29" s="62"/>
      <c r="BW29" s="62"/>
      <c r="BX29" s="62"/>
      <c r="BY29" s="62"/>
      <c r="BZ29" s="63"/>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1"/>
      <c r="BM30" s="62"/>
      <c r="BN30" s="62"/>
      <c r="BO30" s="62"/>
      <c r="BP30" s="62"/>
      <c r="BQ30" s="62"/>
      <c r="BR30" s="62"/>
      <c r="BS30" s="62"/>
      <c r="BT30" s="62"/>
      <c r="BU30" s="62"/>
      <c r="BV30" s="62"/>
      <c r="BW30" s="62"/>
      <c r="BX30" s="62"/>
      <c r="BY30" s="62"/>
      <c r="BZ30" s="63"/>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1"/>
      <c r="BM31" s="62"/>
      <c r="BN31" s="62"/>
      <c r="BO31" s="62"/>
      <c r="BP31" s="62"/>
      <c r="BQ31" s="62"/>
      <c r="BR31" s="62"/>
      <c r="BS31" s="62"/>
      <c r="BT31" s="62"/>
      <c r="BU31" s="62"/>
      <c r="BV31" s="62"/>
      <c r="BW31" s="62"/>
      <c r="BX31" s="62"/>
      <c r="BY31" s="62"/>
      <c r="BZ31" s="63"/>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1"/>
      <c r="BM32" s="62"/>
      <c r="BN32" s="62"/>
      <c r="BO32" s="62"/>
      <c r="BP32" s="62"/>
      <c r="BQ32" s="62"/>
      <c r="BR32" s="62"/>
      <c r="BS32" s="62"/>
      <c r="BT32" s="62"/>
      <c r="BU32" s="62"/>
      <c r="BV32" s="62"/>
      <c r="BW32" s="62"/>
      <c r="BX32" s="62"/>
      <c r="BY32" s="62"/>
      <c r="BZ32" s="63"/>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1"/>
      <c r="BM33" s="62"/>
      <c r="BN33" s="62"/>
      <c r="BO33" s="62"/>
      <c r="BP33" s="62"/>
      <c r="BQ33" s="62"/>
      <c r="BR33" s="62"/>
      <c r="BS33" s="62"/>
      <c r="BT33" s="62"/>
      <c r="BU33" s="62"/>
      <c r="BV33" s="62"/>
      <c r="BW33" s="62"/>
      <c r="BX33" s="62"/>
      <c r="BY33" s="62"/>
      <c r="BZ33" s="63"/>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1"/>
      <c r="BM34" s="62"/>
      <c r="BN34" s="62"/>
      <c r="BO34" s="62"/>
      <c r="BP34" s="62"/>
      <c r="BQ34" s="62"/>
      <c r="BR34" s="62"/>
      <c r="BS34" s="62"/>
      <c r="BT34" s="62"/>
      <c r="BU34" s="62"/>
      <c r="BV34" s="62"/>
      <c r="BW34" s="62"/>
      <c r="BX34" s="62"/>
      <c r="BY34" s="62"/>
      <c r="BZ34" s="63"/>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1"/>
      <c r="BM35" s="62"/>
      <c r="BN35" s="62"/>
      <c r="BO35" s="62"/>
      <c r="BP35" s="62"/>
      <c r="BQ35" s="62"/>
      <c r="BR35" s="62"/>
      <c r="BS35" s="62"/>
      <c r="BT35" s="62"/>
      <c r="BU35" s="62"/>
      <c r="BV35" s="62"/>
      <c r="BW35" s="62"/>
      <c r="BX35" s="62"/>
      <c r="BY35" s="62"/>
      <c r="BZ35" s="63"/>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1"/>
      <c r="BM36" s="62"/>
      <c r="BN36" s="62"/>
      <c r="BO36" s="62"/>
      <c r="BP36" s="62"/>
      <c r="BQ36" s="62"/>
      <c r="BR36" s="62"/>
      <c r="BS36" s="62"/>
      <c r="BT36" s="62"/>
      <c r="BU36" s="62"/>
      <c r="BV36" s="62"/>
      <c r="BW36" s="62"/>
      <c r="BX36" s="62"/>
      <c r="BY36" s="62"/>
      <c r="BZ36" s="63"/>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1"/>
      <c r="BM37" s="62"/>
      <c r="BN37" s="62"/>
      <c r="BO37" s="62"/>
      <c r="BP37" s="62"/>
      <c r="BQ37" s="62"/>
      <c r="BR37" s="62"/>
      <c r="BS37" s="62"/>
      <c r="BT37" s="62"/>
      <c r="BU37" s="62"/>
      <c r="BV37" s="62"/>
      <c r="BW37" s="62"/>
      <c r="BX37" s="62"/>
      <c r="BY37" s="62"/>
      <c r="BZ37" s="63"/>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1"/>
      <c r="BM38" s="62"/>
      <c r="BN38" s="62"/>
      <c r="BO38" s="62"/>
      <c r="BP38" s="62"/>
      <c r="BQ38" s="62"/>
      <c r="BR38" s="62"/>
      <c r="BS38" s="62"/>
      <c r="BT38" s="62"/>
      <c r="BU38" s="62"/>
      <c r="BV38" s="62"/>
      <c r="BW38" s="62"/>
      <c r="BX38" s="62"/>
      <c r="BY38" s="62"/>
      <c r="BZ38" s="63"/>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1"/>
      <c r="BM39" s="62"/>
      <c r="BN39" s="62"/>
      <c r="BO39" s="62"/>
      <c r="BP39" s="62"/>
      <c r="BQ39" s="62"/>
      <c r="BR39" s="62"/>
      <c r="BS39" s="62"/>
      <c r="BT39" s="62"/>
      <c r="BU39" s="62"/>
      <c r="BV39" s="62"/>
      <c r="BW39" s="62"/>
      <c r="BX39" s="62"/>
      <c r="BY39" s="62"/>
      <c r="BZ39" s="63"/>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1"/>
      <c r="BM40" s="62"/>
      <c r="BN40" s="62"/>
      <c r="BO40" s="62"/>
      <c r="BP40" s="62"/>
      <c r="BQ40" s="62"/>
      <c r="BR40" s="62"/>
      <c r="BS40" s="62"/>
      <c r="BT40" s="62"/>
      <c r="BU40" s="62"/>
      <c r="BV40" s="62"/>
      <c r="BW40" s="62"/>
      <c r="BX40" s="62"/>
      <c r="BY40" s="62"/>
      <c r="BZ40" s="63"/>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1"/>
      <c r="BM41" s="62"/>
      <c r="BN41" s="62"/>
      <c r="BO41" s="62"/>
      <c r="BP41" s="62"/>
      <c r="BQ41" s="62"/>
      <c r="BR41" s="62"/>
      <c r="BS41" s="62"/>
      <c r="BT41" s="62"/>
      <c r="BU41" s="62"/>
      <c r="BV41" s="62"/>
      <c r="BW41" s="62"/>
      <c r="BX41" s="62"/>
      <c r="BY41" s="62"/>
      <c r="BZ41" s="63"/>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1"/>
      <c r="BM42" s="62"/>
      <c r="BN42" s="62"/>
      <c r="BO42" s="62"/>
      <c r="BP42" s="62"/>
      <c r="BQ42" s="62"/>
      <c r="BR42" s="62"/>
      <c r="BS42" s="62"/>
      <c r="BT42" s="62"/>
      <c r="BU42" s="62"/>
      <c r="BV42" s="62"/>
      <c r="BW42" s="62"/>
      <c r="BX42" s="62"/>
      <c r="BY42" s="62"/>
      <c r="BZ42" s="63"/>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1"/>
      <c r="BM43" s="62"/>
      <c r="BN43" s="62"/>
      <c r="BO43" s="62"/>
      <c r="BP43" s="62"/>
      <c r="BQ43" s="62"/>
      <c r="BR43" s="62"/>
      <c r="BS43" s="62"/>
      <c r="BT43" s="62"/>
      <c r="BU43" s="62"/>
      <c r="BV43" s="62"/>
      <c r="BW43" s="62"/>
      <c r="BX43" s="62"/>
      <c r="BY43" s="62"/>
      <c r="BZ43" s="63"/>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4"/>
      <c r="BM44" s="65"/>
      <c r="BN44" s="65"/>
      <c r="BO44" s="65"/>
      <c r="BP44" s="65"/>
      <c r="BQ44" s="65"/>
      <c r="BR44" s="65"/>
      <c r="BS44" s="65"/>
      <c r="BT44" s="65"/>
      <c r="BU44" s="65"/>
      <c r="BV44" s="65"/>
      <c r="BW44" s="65"/>
      <c r="BX44" s="65"/>
      <c r="BY44" s="65"/>
      <c r="BZ44" s="66"/>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1" t="s">
        <v>120</v>
      </c>
      <c r="BM47" s="62"/>
      <c r="BN47" s="62"/>
      <c r="BO47" s="62"/>
      <c r="BP47" s="62"/>
      <c r="BQ47" s="62"/>
      <c r="BR47" s="62"/>
      <c r="BS47" s="62"/>
      <c r="BT47" s="62"/>
      <c r="BU47" s="62"/>
      <c r="BV47" s="62"/>
      <c r="BW47" s="62"/>
      <c r="BX47" s="62"/>
      <c r="BY47" s="62"/>
      <c r="BZ47" s="6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1"/>
      <c r="BM48" s="62"/>
      <c r="BN48" s="62"/>
      <c r="BO48" s="62"/>
      <c r="BP48" s="62"/>
      <c r="BQ48" s="62"/>
      <c r="BR48" s="62"/>
      <c r="BS48" s="62"/>
      <c r="BT48" s="62"/>
      <c r="BU48" s="62"/>
      <c r="BV48" s="62"/>
      <c r="BW48" s="62"/>
      <c r="BX48" s="62"/>
      <c r="BY48" s="62"/>
      <c r="BZ48" s="6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1"/>
      <c r="BM49" s="62"/>
      <c r="BN49" s="62"/>
      <c r="BO49" s="62"/>
      <c r="BP49" s="62"/>
      <c r="BQ49" s="62"/>
      <c r="BR49" s="62"/>
      <c r="BS49" s="62"/>
      <c r="BT49" s="62"/>
      <c r="BU49" s="62"/>
      <c r="BV49" s="62"/>
      <c r="BW49" s="62"/>
      <c r="BX49" s="62"/>
      <c r="BY49" s="62"/>
      <c r="BZ49" s="6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1"/>
      <c r="BM50" s="62"/>
      <c r="BN50" s="62"/>
      <c r="BO50" s="62"/>
      <c r="BP50" s="62"/>
      <c r="BQ50" s="62"/>
      <c r="BR50" s="62"/>
      <c r="BS50" s="62"/>
      <c r="BT50" s="62"/>
      <c r="BU50" s="62"/>
      <c r="BV50" s="62"/>
      <c r="BW50" s="62"/>
      <c r="BX50" s="62"/>
      <c r="BY50" s="62"/>
      <c r="BZ50" s="6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1"/>
      <c r="BM51" s="62"/>
      <c r="BN51" s="62"/>
      <c r="BO51" s="62"/>
      <c r="BP51" s="62"/>
      <c r="BQ51" s="62"/>
      <c r="BR51" s="62"/>
      <c r="BS51" s="62"/>
      <c r="BT51" s="62"/>
      <c r="BU51" s="62"/>
      <c r="BV51" s="62"/>
      <c r="BW51" s="62"/>
      <c r="BX51" s="62"/>
      <c r="BY51" s="62"/>
      <c r="BZ51" s="6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1"/>
      <c r="BM52" s="62"/>
      <c r="BN52" s="62"/>
      <c r="BO52" s="62"/>
      <c r="BP52" s="62"/>
      <c r="BQ52" s="62"/>
      <c r="BR52" s="62"/>
      <c r="BS52" s="62"/>
      <c r="BT52" s="62"/>
      <c r="BU52" s="62"/>
      <c r="BV52" s="62"/>
      <c r="BW52" s="62"/>
      <c r="BX52" s="62"/>
      <c r="BY52" s="62"/>
      <c r="BZ52" s="6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1"/>
      <c r="BM53" s="62"/>
      <c r="BN53" s="62"/>
      <c r="BO53" s="62"/>
      <c r="BP53" s="62"/>
      <c r="BQ53" s="62"/>
      <c r="BR53" s="62"/>
      <c r="BS53" s="62"/>
      <c r="BT53" s="62"/>
      <c r="BU53" s="62"/>
      <c r="BV53" s="62"/>
      <c r="BW53" s="62"/>
      <c r="BX53" s="62"/>
      <c r="BY53" s="62"/>
      <c r="BZ53" s="6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1"/>
      <c r="BM54" s="62"/>
      <c r="BN54" s="62"/>
      <c r="BO54" s="62"/>
      <c r="BP54" s="62"/>
      <c r="BQ54" s="62"/>
      <c r="BR54" s="62"/>
      <c r="BS54" s="62"/>
      <c r="BT54" s="62"/>
      <c r="BU54" s="62"/>
      <c r="BV54" s="62"/>
      <c r="BW54" s="62"/>
      <c r="BX54" s="62"/>
      <c r="BY54" s="62"/>
      <c r="BZ54" s="6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1"/>
      <c r="BM55" s="62"/>
      <c r="BN55" s="62"/>
      <c r="BO55" s="62"/>
      <c r="BP55" s="62"/>
      <c r="BQ55" s="62"/>
      <c r="BR55" s="62"/>
      <c r="BS55" s="62"/>
      <c r="BT55" s="62"/>
      <c r="BU55" s="62"/>
      <c r="BV55" s="62"/>
      <c r="BW55" s="62"/>
      <c r="BX55" s="62"/>
      <c r="BY55" s="62"/>
      <c r="BZ55" s="6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1"/>
      <c r="BM56" s="62"/>
      <c r="BN56" s="62"/>
      <c r="BO56" s="62"/>
      <c r="BP56" s="62"/>
      <c r="BQ56" s="62"/>
      <c r="BR56" s="62"/>
      <c r="BS56" s="62"/>
      <c r="BT56" s="62"/>
      <c r="BU56" s="62"/>
      <c r="BV56" s="62"/>
      <c r="BW56" s="62"/>
      <c r="BX56" s="62"/>
      <c r="BY56" s="62"/>
      <c r="BZ56" s="6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1"/>
      <c r="BM57" s="62"/>
      <c r="BN57" s="62"/>
      <c r="BO57" s="62"/>
      <c r="BP57" s="62"/>
      <c r="BQ57" s="62"/>
      <c r="BR57" s="62"/>
      <c r="BS57" s="62"/>
      <c r="BT57" s="62"/>
      <c r="BU57" s="62"/>
      <c r="BV57" s="62"/>
      <c r="BW57" s="62"/>
      <c r="BX57" s="62"/>
      <c r="BY57" s="62"/>
      <c r="BZ57" s="6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1"/>
      <c r="BM58" s="62"/>
      <c r="BN58" s="62"/>
      <c r="BO58" s="62"/>
      <c r="BP58" s="62"/>
      <c r="BQ58" s="62"/>
      <c r="BR58" s="62"/>
      <c r="BS58" s="62"/>
      <c r="BT58" s="62"/>
      <c r="BU58" s="62"/>
      <c r="BV58" s="62"/>
      <c r="BW58" s="62"/>
      <c r="BX58" s="62"/>
      <c r="BY58" s="62"/>
      <c r="BZ58" s="6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1"/>
      <c r="BM59" s="62"/>
      <c r="BN59" s="62"/>
      <c r="BO59" s="62"/>
      <c r="BP59" s="62"/>
      <c r="BQ59" s="62"/>
      <c r="BR59" s="62"/>
      <c r="BS59" s="62"/>
      <c r="BT59" s="62"/>
      <c r="BU59" s="62"/>
      <c r="BV59" s="62"/>
      <c r="BW59" s="62"/>
      <c r="BX59" s="62"/>
      <c r="BY59" s="62"/>
      <c r="BZ59" s="63"/>
    </row>
    <row r="60" spans="1:78" ht="13.5" customHeight="1" x14ac:dyDescent="0.2">
      <c r="A60" s="2"/>
      <c r="B60" s="58" t="s">
        <v>28</v>
      </c>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60"/>
      <c r="BK60" s="2"/>
      <c r="BL60" s="61"/>
      <c r="BM60" s="62"/>
      <c r="BN60" s="62"/>
      <c r="BO60" s="62"/>
      <c r="BP60" s="62"/>
      <c r="BQ60" s="62"/>
      <c r="BR60" s="62"/>
      <c r="BS60" s="62"/>
      <c r="BT60" s="62"/>
      <c r="BU60" s="62"/>
      <c r="BV60" s="62"/>
      <c r="BW60" s="62"/>
      <c r="BX60" s="62"/>
      <c r="BY60" s="62"/>
      <c r="BZ60" s="63"/>
    </row>
    <row r="61" spans="1:78" ht="13.5" customHeight="1" x14ac:dyDescent="0.2">
      <c r="A61" s="2"/>
      <c r="B61" s="58"/>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c r="BC61" s="59"/>
      <c r="BD61" s="59"/>
      <c r="BE61" s="59"/>
      <c r="BF61" s="59"/>
      <c r="BG61" s="59"/>
      <c r="BH61" s="59"/>
      <c r="BI61" s="59"/>
      <c r="BJ61" s="60"/>
      <c r="BK61" s="2"/>
      <c r="BL61" s="61"/>
      <c r="BM61" s="62"/>
      <c r="BN61" s="62"/>
      <c r="BO61" s="62"/>
      <c r="BP61" s="62"/>
      <c r="BQ61" s="62"/>
      <c r="BR61" s="62"/>
      <c r="BS61" s="62"/>
      <c r="BT61" s="62"/>
      <c r="BU61" s="62"/>
      <c r="BV61" s="62"/>
      <c r="BW61" s="62"/>
      <c r="BX61" s="62"/>
      <c r="BY61" s="62"/>
      <c r="BZ61" s="6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1"/>
      <c r="BM62" s="62"/>
      <c r="BN62" s="62"/>
      <c r="BO62" s="62"/>
      <c r="BP62" s="62"/>
      <c r="BQ62" s="62"/>
      <c r="BR62" s="62"/>
      <c r="BS62" s="62"/>
      <c r="BT62" s="62"/>
      <c r="BU62" s="62"/>
      <c r="BV62" s="62"/>
      <c r="BW62" s="62"/>
      <c r="BX62" s="62"/>
      <c r="BY62" s="62"/>
      <c r="BZ62" s="6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4"/>
      <c r="BM63" s="65"/>
      <c r="BN63" s="65"/>
      <c r="BO63" s="65"/>
      <c r="BP63" s="65"/>
      <c r="BQ63" s="65"/>
      <c r="BR63" s="65"/>
      <c r="BS63" s="65"/>
      <c r="BT63" s="65"/>
      <c r="BU63" s="65"/>
      <c r="BV63" s="65"/>
      <c r="BW63" s="65"/>
      <c r="BX63" s="65"/>
      <c r="BY63" s="65"/>
      <c r="BZ63" s="6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1" t="s">
        <v>119</v>
      </c>
      <c r="BM66" s="62"/>
      <c r="BN66" s="62"/>
      <c r="BO66" s="62"/>
      <c r="BP66" s="62"/>
      <c r="BQ66" s="62"/>
      <c r="BR66" s="62"/>
      <c r="BS66" s="62"/>
      <c r="BT66" s="62"/>
      <c r="BU66" s="62"/>
      <c r="BV66" s="62"/>
      <c r="BW66" s="62"/>
      <c r="BX66" s="62"/>
      <c r="BY66" s="62"/>
      <c r="BZ66" s="6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1"/>
      <c r="BM67" s="62"/>
      <c r="BN67" s="62"/>
      <c r="BO67" s="62"/>
      <c r="BP67" s="62"/>
      <c r="BQ67" s="62"/>
      <c r="BR67" s="62"/>
      <c r="BS67" s="62"/>
      <c r="BT67" s="62"/>
      <c r="BU67" s="62"/>
      <c r="BV67" s="62"/>
      <c r="BW67" s="62"/>
      <c r="BX67" s="62"/>
      <c r="BY67" s="62"/>
      <c r="BZ67" s="6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1"/>
      <c r="BM68" s="62"/>
      <c r="BN68" s="62"/>
      <c r="BO68" s="62"/>
      <c r="BP68" s="62"/>
      <c r="BQ68" s="62"/>
      <c r="BR68" s="62"/>
      <c r="BS68" s="62"/>
      <c r="BT68" s="62"/>
      <c r="BU68" s="62"/>
      <c r="BV68" s="62"/>
      <c r="BW68" s="62"/>
      <c r="BX68" s="62"/>
      <c r="BY68" s="62"/>
      <c r="BZ68" s="6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1"/>
      <c r="BM69" s="62"/>
      <c r="BN69" s="62"/>
      <c r="BO69" s="62"/>
      <c r="BP69" s="62"/>
      <c r="BQ69" s="62"/>
      <c r="BR69" s="62"/>
      <c r="BS69" s="62"/>
      <c r="BT69" s="62"/>
      <c r="BU69" s="62"/>
      <c r="BV69" s="62"/>
      <c r="BW69" s="62"/>
      <c r="BX69" s="62"/>
      <c r="BY69" s="62"/>
      <c r="BZ69" s="6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1"/>
      <c r="BM70" s="62"/>
      <c r="BN70" s="62"/>
      <c r="BO70" s="62"/>
      <c r="BP70" s="62"/>
      <c r="BQ70" s="62"/>
      <c r="BR70" s="62"/>
      <c r="BS70" s="62"/>
      <c r="BT70" s="62"/>
      <c r="BU70" s="62"/>
      <c r="BV70" s="62"/>
      <c r="BW70" s="62"/>
      <c r="BX70" s="62"/>
      <c r="BY70" s="62"/>
      <c r="BZ70" s="6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1"/>
      <c r="BM71" s="62"/>
      <c r="BN71" s="62"/>
      <c r="BO71" s="62"/>
      <c r="BP71" s="62"/>
      <c r="BQ71" s="62"/>
      <c r="BR71" s="62"/>
      <c r="BS71" s="62"/>
      <c r="BT71" s="62"/>
      <c r="BU71" s="62"/>
      <c r="BV71" s="62"/>
      <c r="BW71" s="62"/>
      <c r="BX71" s="62"/>
      <c r="BY71" s="62"/>
      <c r="BZ71" s="6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1"/>
      <c r="BM72" s="62"/>
      <c r="BN72" s="62"/>
      <c r="BO72" s="62"/>
      <c r="BP72" s="62"/>
      <c r="BQ72" s="62"/>
      <c r="BR72" s="62"/>
      <c r="BS72" s="62"/>
      <c r="BT72" s="62"/>
      <c r="BU72" s="62"/>
      <c r="BV72" s="62"/>
      <c r="BW72" s="62"/>
      <c r="BX72" s="62"/>
      <c r="BY72" s="62"/>
      <c r="BZ72" s="6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1"/>
      <c r="BM73" s="62"/>
      <c r="BN73" s="62"/>
      <c r="BO73" s="62"/>
      <c r="BP73" s="62"/>
      <c r="BQ73" s="62"/>
      <c r="BR73" s="62"/>
      <c r="BS73" s="62"/>
      <c r="BT73" s="62"/>
      <c r="BU73" s="62"/>
      <c r="BV73" s="62"/>
      <c r="BW73" s="62"/>
      <c r="BX73" s="62"/>
      <c r="BY73" s="62"/>
      <c r="BZ73" s="6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1"/>
      <c r="BM74" s="62"/>
      <c r="BN74" s="62"/>
      <c r="BO74" s="62"/>
      <c r="BP74" s="62"/>
      <c r="BQ74" s="62"/>
      <c r="BR74" s="62"/>
      <c r="BS74" s="62"/>
      <c r="BT74" s="62"/>
      <c r="BU74" s="62"/>
      <c r="BV74" s="62"/>
      <c r="BW74" s="62"/>
      <c r="BX74" s="62"/>
      <c r="BY74" s="62"/>
      <c r="BZ74" s="6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1"/>
      <c r="BM75" s="62"/>
      <c r="BN75" s="62"/>
      <c r="BO75" s="62"/>
      <c r="BP75" s="62"/>
      <c r="BQ75" s="62"/>
      <c r="BR75" s="62"/>
      <c r="BS75" s="62"/>
      <c r="BT75" s="62"/>
      <c r="BU75" s="62"/>
      <c r="BV75" s="62"/>
      <c r="BW75" s="62"/>
      <c r="BX75" s="62"/>
      <c r="BY75" s="62"/>
      <c r="BZ75" s="6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1"/>
      <c r="BM76" s="62"/>
      <c r="BN76" s="62"/>
      <c r="BO76" s="62"/>
      <c r="BP76" s="62"/>
      <c r="BQ76" s="62"/>
      <c r="BR76" s="62"/>
      <c r="BS76" s="62"/>
      <c r="BT76" s="62"/>
      <c r="BU76" s="62"/>
      <c r="BV76" s="62"/>
      <c r="BW76" s="62"/>
      <c r="BX76" s="62"/>
      <c r="BY76" s="62"/>
      <c r="BZ76" s="6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1"/>
      <c r="BM77" s="62"/>
      <c r="BN77" s="62"/>
      <c r="BO77" s="62"/>
      <c r="BP77" s="62"/>
      <c r="BQ77" s="62"/>
      <c r="BR77" s="62"/>
      <c r="BS77" s="62"/>
      <c r="BT77" s="62"/>
      <c r="BU77" s="62"/>
      <c r="BV77" s="62"/>
      <c r="BW77" s="62"/>
      <c r="BX77" s="62"/>
      <c r="BY77" s="62"/>
      <c r="BZ77" s="6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1"/>
      <c r="BM78" s="62"/>
      <c r="BN78" s="62"/>
      <c r="BO78" s="62"/>
      <c r="BP78" s="62"/>
      <c r="BQ78" s="62"/>
      <c r="BR78" s="62"/>
      <c r="BS78" s="62"/>
      <c r="BT78" s="62"/>
      <c r="BU78" s="62"/>
      <c r="BV78" s="62"/>
      <c r="BW78" s="62"/>
      <c r="BX78" s="62"/>
      <c r="BY78" s="62"/>
      <c r="BZ78" s="6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1"/>
      <c r="BM79" s="62"/>
      <c r="BN79" s="62"/>
      <c r="BO79" s="62"/>
      <c r="BP79" s="62"/>
      <c r="BQ79" s="62"/>
      <c r="BR79" s="62"/>
      <c r="BS79" s="62"/>
      <c r="BT79" s="62"/>
      <c r="BU79" s="62"/>
      <c r="BV79" s="62"/>
      <c r="BW79" s="62"/>
      <c r="BX79" s="62"/>
      <c r="BY79" s="62"/>
      <c r="BZ79" s="6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1"/>
      <c r="BM80" s="62"/>
      <c r="BN80" s="62"/>
      <c r="BO80" s="62"/>
      <c r="BP80" s="62"/>
      <c r="BQ80" s="62"/>
      <c r="BR80" s="62"/>
      <c r="BS80" s="62"/>
      <c r="BT80" s="62"/>
      <c r="BU80" s="62"/>
      <c r="BV80" s="62"/>
      <c r="BW80" s="62"/>
      <c r="BX80" s="62"/>
      <c r="BY80" s="62"/>
      <c r="BZ80" s="6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1"/>
      <c r="BM81" s="62"/>
      <c r="BN81" s="62"/>
      <c r="BO81" s="62"/>
      <c r="BP81" s="62"/>
      <c r="BQ81" s="62"/>
      <c r="BR81" s="62"/>
      <c r="BS81" s="62"/>
      <c r="BT81" s="62"/>
      <c r="BU81" s="62"/>
      <c r="BV81" s="62"/>
      <c r="BW81" s="62"/>
      <c r="BX81" s="62"/>
      <c r="BY81" s="62"/>
      <c r="BZ81" s="6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4"/>
      <c r="BM82" s="65"/>
      <c r="BN82" s="65"/>
      <c r="BO82" s="65"/>
      <c r="BP82" s="65"/>
      <c r="BQ82" s="65"/>
      <c r="BR82" s="65"/>
      <c r="BS82" s="65"/>
      <c r="BT82" s="65"/>
      <c r="BU82" s="65"/>
      <c r="BV82" s="65"/>
      <c r="BW82" s="65"/>
      <c r="BX82" s="65"/>
      <c r="BY82" s="65"/>
      <c r="BZ82" s="66"/>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x14ac:dyDescent="0.2">
      <c r="C84" s="2"/>
    </row>
    <row r="85" spans="1:78" hidden="1" x14ac:dyDescent="0.2">
      <c r="B85" s="12" t="s">
        <v>31</v>
      </c>
      <c r="C85" s="12"/>
      <c r="D85" s="12"/>
      <c r="E85" s="12" t="s">
        <v>32</v>
      </c>
      <c r="F85" s="12" t="s">
        <v>33</v>
      </c>
      <c r="G85" s="12" t="s">
        <v>34</v>
      </c>
      <c r="H85" s="12" t="s">
        <v>35</v>
      </c>
      <c r="I85" s="12" t="s">
        <v>36</v>
      </c>
      <c r="J85" s="12" t="s">
        <v>37</v>
      </c>
      <c r="K85" s="12" t="s">
        <v>38</v>
      </c>
      <c r="L85" s="12" t="s">
        <v>39</v>
      </c>
      <c r="M85" s="12" t="s">
        <v>40</v>
      </c>
      <c r="N85" s="12" t="s">
        <v>41</v>
      </c>
      <c r="O85" s="12" t="s">
        <v>42</v>
      </c>
    </row>
    <row r="86" spans="1:78" hidden="1" x14ac:dyDescent="0.2">
      <c r="B86" s="12"/>
      <c r="C86" s="12"/>
      <c r="D86" s="12"/>
      <c r="E86" s="12" t="str">
        <f>データ!AI6</f>
        <v/>
      </c>
      <c r="F86" s="12" t="s">
        <v>43</v>
      </c>
      <c r="G86" s="12" t="s">
        <v>43</v>
      </c>
      <c r="H86" s="12" t="str">
        <f>データ!BP6</f>
        <v>【1,078.44】</v>
      </c>
      <c r="I86" s="12" t="str">
        <f>データ!CA6</f>
        <v>【41.91】</v>
      </c>
      <c r="J86" s="12" t="str">
        <f>データ!CL6</f>
        <v>【420.17】</v>
      </c>
      <c r="K86" s="12" t="str">
        <f>データ!CW6</f>
        <v>【29.92】</v>
      </c>
      <c r="L86" s="12" t="str">
        <f>データ!DH6</f>
        <v>【80.39】</v>
      </c>
      <c r="M86" s="12" t="s">
        <v>44</v>
      </c>
      <c r="N86" s="12" t="s">
        <v>45</v>
      </c>
      <c r="O86" s="12" t="str">
        <f>データ!EO6</f>
        <v>【0.01】</v>
      </c>
    </row>
  </sheetData>
  <sheetProtection algorithmName="SHA-512" hashValue="vifpp72zzIIDs7Iuxx1mAoKPAZhfwcf7Q5IPi3z+8zUGLJOOrTobp5/FMb+ksjgI8lIsaYd4aqbZ1JdoGzMYHg==" saltValue="PWBa4kQqV9AioAHQPEIYFA=="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O13"/>
  <sheetViews>
    <sheetView showGridLines="0" workbookViewId="0"/>
  </sheetViews>
  <sheetFormatPr defaultRowHeight="13.2" x14ac:dyDescent="0.2"/>
  <cols>
    <col min="2" max="144" width="11.88671875" customWidth="1"/>
  </cols>
  <sheetData>
    <row r="1" spans="1:145" x14ac:dyDescent="0.2">
      <c r="A1" t="s">
        <v>46</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5" x14ac:dyDescent="0.2">
      <c r="A2" s="14" t="s">
        <v>47</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5" x14ac:dyDescent="0.2">
      <c r="A3" s="14" t="s">
        <v>48</v>
      </c>
      <c r="B3" s="15" t="s">
        <v>49</v>
      </c>
      <c r="C3" s="15" t="s">
        <v>50</v>
      </c>
      <c r="D3" s="15" t="s">
        <v>51</v>
      </c>
      <c r="E3" s="15" t="s">
        <v>52</v>
      </c>
      <c r="F3" s="15" t="s">
        <v>53</v>
      </c>
      <c r="G3" s="15" t="s">
        <v>54</v>
      </c>
      <c r="H3" s="73" t="s">
        <v>55</v>
      </c>
      <c r="I3" s="74"/>
      <c r="J3" s="74"/>
      <c r="K3" s="74"/>
      <c r="L3" s="74"/>
      <c r="M3" s="74"/>
      <c r="N3" s="74"/>
      <c r="O3" s="74"/>
      <c r="P3" s="74"/>
      <c r="Q3" s="74"/>
      <c r="R3" s="74"/>
      <c r="S3" s="74"/>
      <c r="T3" s="74"/>
      <c r="U3" s="74"/>
      <c r="V3" s="74"/>
      <c r="W3" s="74"/>
      <c r="X3" s="75"/>
      <c r="Y3" s="79" t="s">
        <v>56</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7</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5" x14ac:dyDescent="0.2">
      <c r="A4" s="14" t="s">
        <v>58</v>
      </c>
      <c r="B4" s="16"/>
      <c r="C4" s="16"/>
      <c r="D4" s="16"/>
      <c r="E4" s="16"/>
      <c r="F4" s="16"/>
      <c r="G4" s="16"/>
      <c r="H4" s="76"/>
      <c r="I4" s="77"/>
      <c r="J4" s="77"/>
      <c r="K4" s="77"/>
      <c r="L4" s="77"/>
      <c r="M4" s="77"/>
      <c r="N4" s="77"/>
      <c r="O4" s="77"/>
      <c r="P4" s="77"/>
      <c r="Q4" s="77"/>
      <c r="R4" s="77"/>
      <c r="S4" s="77"/>
      <c r="T4" s="77"/>
      <c r="U4" s="77"/>
      <c r="V4" s="77"/>
      <c r="W4" s="77"/>
      <c r="X4" s="78"/>
      <c r="Y4" s="72" t="s">
        <v>59</v>
      </c>
      <c r="Z4" s="72"/>
      <c r="AA4" s="72"/>
      <c r="AB4" s="72"/>
      <c r="AC4" s="72"/>
      <c r="AD4" s="72"/>
      <c r="AE4" s="72"/>
      <c r="AF4" s="72"/>
      <c r="AG4" s="72"/>
      <c r="AH4" s="72"/>
      <c r="AI4" s="72"/>
      <c r="AJ4" s="72" t="s">
        <v>60</v>
      </c>
      <c r="AK4" s="72"/>
      <c r="AL4" s="72"/>
      <c r="AM4" s="72"/>
      <c r="AN4" s="72"/>
      <c r="AO4" s="72"/>
      <c r="AP4" s="72"/>
      <c r="AQ4" s="72"/>
      <c r="AR4" s="72"/>
      <c r="AS4" s="72"/>
      <c r="AT4" s="72"/>
      <c r="AU4" s="72" t="s">
        <v>61</v>
      </c>
      <c r="AV4" s="72"/>
      <c r="AW4" s="72"/>
      <c r="AX4" s="72"/>
      <c r="AY4" s="72"/>
      <c r="AZ4" s="72"/>
      <c r="BA4" s="72"/>
      <c r="BB4" s="72"/>
      <c r="BC4" s="72"/>
      <c r="BD4" s="72"/>
      <c r="BE4" s="72"/>
      <c r="BF4" s="72" t="s">
        <v>62</v>
      </c>
      <c r="BG4" s="72"/>
      <c r="BH4" s="72"/>
      <c r="BI4" s="72"/>
      <c r="BJ4" s="72"/>
      <c r="BK4" s="72"/>
      <c r="BL4" s="72"/>
      <c r="BM4" s="72"/>
      <c r="BN4" s="72"/>
      <c r="BO4" s="72"/>
      <c r="BP4" s="72"/>
      <c r="BQ4" s="72" t="s">
        <v>63</v>
      </c>
      <c r="BR4" s="72"/>
      <c r="BS4" s="72"/>
      <c r="BT4" s="72"/>
      <c r="BU4" s="72"/>
      <c r="BV4" s="72"/>
      <c r="BW4" s="72"/>
      <c r="BX4" s="72"/>
      <c r="BY4" s="72"/>
      <c r="BZ4" s="72"/>
      <c r="CA4" s="72"/>
      <c r="CB4" s="72" t="s">
        <v>64</v>
      </c>
      <c r="CC4" s="72"/>
      <c r="CD4" s="72"/>
      <c r="CE4" s="72"/>
      <c r="CF4" s="72"/>
      <c r="CG4" s="72"/>
      <c r="CH4" s="72"/>
      <c r="CI4" s="72"/>
      <c r="CJ4" s="72"/>
      <c r="CK4" s="72"/>
      <c r="CL4" s="72"/>
      <c r="CM4" s="72" t="s">
        <v>65</v>
      </c>
      <c r="CN4" s="72"/>
      <c r="CO4" s="72"/>
      <c r="CP4" s="72"/>
      <c r="CQ4" s="72"/>
      <c r="CR4" s="72"/>
      <c r="CS4" s="72"/>
      <c r="CT4" s="72"/>
      <c r="CU4" s="72"/>
      <c r="CV4" s="72"/>
      <c r="CW4" s="72"/>
      <c r="CX4" s="72" t="s">
        <v>66</v>
      </c>
      <c r="CY4" s="72"/>
      <c r="CZ4" s="72"/>
      <c r="DA4" s="72"/>
      <c r="DB4" s="72"/>
      <c r="DC4" s="72"/>
      <c r="DD4" s="72"/>
      <c r="DE4" s="72"/>
      <c r="DF4" s="72"/>
      <c r="DG4" s="72"/>
      <c r="DH4" s="72"/>
      <c r="DI4" s="72" t="s">
        <v>67</v>
      </c>
      <c r="DJ4" s="72"/>
      <c r="DK4" s="72"/>
      <c r="DL4" s="72"/>
      <c r="DM4" s="72"/>
      <c r="DN4" s="72"/>
      <c r="DO4" s="72"/>
      <c r="DP4" s="72"/>
      <c r="DQ4" s="72"/>
      <c r="DR4" s="72"/>
      <c r="DS4" s="72"/>
      <c r="DT4" s="72" t="s">
        <v>68</v>
      </c>
      <c r="DU4" s="72"/>
      <c r="DV4" s="72"/>
      <c r="DW4" s="72"/>
      <c r="DX4" s="72"/>
      <c r="DY4" s="72"/>
      <c r="DZ4" s="72"/>
      <c r="EA4" s="72"/>
      <c r="EB4" s="72"/>
      <c r="EC4" s="72"/>
      <c r="ED4" s="72"/>
      <c r="EE4" s="72" t="s">
        <v>69</v>
      </c>
      <c r="EF4" s="72"/>
      <c r="EG4" s="72"/>
      <c r="EH4" s="72"/>
      <c r="EI4" s="72"/>
      <c r="EJ4" s="72"/>
      <c r="EK4" s="72"/>
      <c r="EL4" s="72"/>
      <c r="EM4" s="72"/>
      <c r="EN4" s="72"/>
      <c r="EO4" s="72"/>
    </row>
    <row r="5" spans="1:145" x14ac:dyDescent="0.2">
      <c r="A5" s="14" t="s">
        <v>70</v>
      </c>
      <c r="B5" s="17"/>
      <c r="C5" s="17"/>
      <c r="D5" s="17"/>
      <c r="E5" s="17"/>
      <c r="F5" s="17"/>
      <c r="G5" s="17"/>
      <c r="H5" s="18" t="s">
        <v>71</v>
      </c>
      <c r="I5" s="18" t="s">
        <v>72</v>
      </c>
      <c r="J5" s="18" t="s">
        <v>73</v>
      </c>
      <c r="K5" s="18" t="s">
        <v>74</v>
      </c>
      <c r="L5" s="18" t="s">
        <v>75</v>
      </c>
      <c r="M5" s="18" t="s">
        <v>5</v>
      </c>
      <c r="N5" s="18" t="s">
        <v>76</v>
      </c>
      <c r="O5" s="18" t="s">
        <v>77</v>
      </c>
      <c r="P5" s="18" t="s">
        <v>78</v>
      </c>
      <c r="Q5" s="18" t="s">
        <v>79</v>
      </c>
      <c r="R5" s="18" t="s">
        <v>80</v>
      </c>
      <c r="S5" s="18" t="s">
        <v>81</v>
      </c>
      <c r="T5" s="18" t="s">
        <v>82</v>
      </c>
      <c r="U5" s="18" t="s">
        <v>83</v>
      </c>
      <c r="V5" s="18" t="s">
        <v>84</v>
      </c>
      <c r="W5" s="18" t="s">
        <v>85</v>
      </c>
      <c r="X5" s="18" t="s">
        <v>86</v>
      </c>
      <c r="Y5" s="18" t="s">
        <v>87</v>
      </c>
      <c r="Z5" s="18" t="s">
        <v>88</v>
      </c>
      <c r="AA5" s="18" t="s">
        <v>89</v>
      </c>
      <c r="AB5" s="18" t="s">
        <v>90</v>
      </c>
      <c r="AC5" s="18" t="s">
        <v>91</v>
      </c>
      <c r="AD5" s="18" t="s">
        <v>92</v>
      </c>
      <c r="AE5" s="18" t="s">
        <v>93</v>
      </c>
      <c r="AF5" s="18" t="s">
        <v>94</v>
      </c>
      <c r="AG5" s="18" t="s">
        <v>95</v>
      </c>
      <c r="AH5" s="18" t="s">
        <v>96</v>
      </c>
      <c r="AI5" s="18" t="s">
        <v>31</v>
      </c>
      <c r="AJ5" s="18" t="s">
        <v>87</v>
      </c>
      <c r="AK5" s="18" t="s">
        <v>88</v>
      </c>
      <c r="AL5" s="18" t="s">
        <v>89</v>
      </c>
      <c r="AM5" s="18" t="s">
        <v>90</v>
      </c>
      <c r="AN5" s="18" t="s">
        <v>91</v>
      </c>
      <c r="AO5" s="18" t="s">
        <v>92</v>
      </c>
      <c r="AP5" s="18" t="s">
        <v>93</v>
      </c>
      <c r="AQ5" s="18" t="s">
        <v>94</v>
      </c>
      <c r="AR5" s="18" t="s">
        <v>95</v>
      </c>
      <c r="AS5" s="18" t="s">
        <v>96</v>
      </c>
      <c r="AT5" s="18" t="s">
        <v>97</v>
      </c>
      <c r="AU5" s="18" t="s">
        <v>87</v>
      </c>
      <c r="AV5" s="18" t="s">
        <v>88</v>
      </c>
      <c r="AW5" s="18" t="s">
        <v>89</v>
      </c>
      <c r="AX5" s="18" t="s">
        <v>90</v>
      </c>
      <c r="AY5" s="18" t="s">
        <v>91</v>
      </c>
      <c r="AZ5" s="18" t="s">
        <v>92</v>
      </c>
      <c r="BA5" s="18" t="s">
        <v>93</v>
      </c>
      <c r="BB5" s="18" t="s">
        <v>94</v>
      </c>
      <c r="BC5" s="18" t="s">
        <v>95</v>
      </c>
      <c r="BD5" s="18" t="s">
        <v>96</v>
      </c>
      <c r="BE5" s="18" t="s">
        <v>97</v>
      </c>
      <c r="BF5" s="18" t="s">
        <v>87</v>
      </c>
      <c r="BG5" s="18" t="s">
        <v>88</v>
      </c>
      <c r="BH5" s="18" t="s">
        <v>89</v>
      </c>
      <c r="BI5" s="18" t="s">
        <v>90</v>
      </c>
      <c r="BJ5" s="18" t="s">
        <v>91</v>
      </c>
      <c r="BK5" s="18" t="s">
        <v>92</v>
      </c>
      <c r="BL5" s="18" t="s">
        <v>93</v>
      </c>
      <c r="BM5" s="18" t="s">
        <v>94</v>
      </c>
      <c r="BN5" s="18" t="s">
        <v>95</v>
      </c>
      <c r="BO5" s="18" t="s">
        <v>96</v>
      </c>
      <c r="BP5" s="18" t="s">
        <v>97</v>
      </c>
      <c r="BQ5" s="18" t="s">
        <v>87</v>
      </c>
      <c r="BR5" s="18" t="s">
        <v>88</v>
      </c>
      <c r="BS5" s="18" t="s">
        <v>89</v>
      </c>
      <c r="BT5" s="18" t="s">
        <v>90</v>
      </c>
      <c r="BU5" s="18" t="s">
        <v>91</v>
      </c>
      <c r="BV5" s="18" t="s">
        <v>92</v>
      </c>
      <c r="BW5" s="18" t="s">
        <v>93</v>
      </c>
      <c r="BX5" s="18" t="s">
        <v>94</v>
      </c>
      <c r="BY5" s="18" t="s">
        <v>95</v>
      </c>
      <c r="BZ5" s="18" t="s">
        <v>96</v>
      </c>
      <c r="CA5" s="18" t="s">
        <v>97</v>
      </c>
      <c r="CB5" s="18" t="s">
        <v>87</v>
      </c>
      <c r="CC5" s="18" t="s">
        <v>88</v>
      </c>
      <c r="CD5" s="18" t="s">
        <v>89</v>
      </c>
      <c r="CE5" s="18" t="s">
        <v>90</v>
      </c>
      <c r="CF5" s="18" t="s">
        <v>91</v>
      </c>
      <c r="CG5" s="18" t="s">
        <v>92</v>
      </c>
      <c r="CH5" s="18" t="s">
        <v>93</v>
      </c>
      <c r="CI5" s="18" t="s">
        <v>94</v>
      </c>
      <c r="CJ5" s="18" t="s">
        <v>95</v>
      </c>
      <c r="CK5" s="18" t="s">
        <v>96</v>
      </c>
      <c r="CL5" s="18" t="s">
        <v>97</v>
      </c>
      <c r="CM5" s="18" t="s">
        <v>87</v>
      </c>
      <c r="CN5" s="18" t="s">
        <v>88</v>
      </c>
      <c r="CO5" s="18" t="s">
        <v>89</v>
      </c>
      <c r="CP5" s="18" t="s">
        <v>90</v>
      </c>
      <c r="CQ5" s="18" t="s">
        <v>91</v>
      </c>
      <c r="CR5" s="18" t="s">
        <v>92</v>
      </c>
      <c r="CS5" s="18" t="s">
        <v>93</v>
      </c>
      <c r="CT5" s="18" t="s">
        <v>94</v>
      </c>
      <c r="CU5" s="18" t="s">
        <v>95</v>
      </c>
      <c r="CV5" s="18" t="s">
        <v>96</v>
      </c>
      <c r="CW5" s="18" t="s">
        <v>97</v>
      </c>
      <c r="CX5" s="18" t="s">
        <v>87</v>
      </c>
      <c r="CY5" s="18" t="s">
        <v>88</v>
      </c>
      <c r="CZ5" s="18" t="s">
        <v>89</v>
      </c>
      <c r="DA5" s="18" t="s">
        <v>90</v>
      </c>
      <c r="DB5" s="18" t="s">
        <v>91</v>
      </c>
      <c r="DC5" s="18" t="s">
        <v>92</v>
      </c>
      <c r="DD5" s="18" t="s">
        <v>93</v>
      </c>
      <c r="DE5" s="18" t="s">
        <v>94</v>
      </c>
      <c r="DF5" s="18" t="s">
        <v>95</v>
      </c>
      <c r="DG5" s="18" t="s">
        <v>96</v>
      </c>
      <c r="DH5" s="18" t="s">
        <v>97</v>
      </c>
      <c r="DI5" s="18" t="s">
        <v>87</v>
      </c>
      <c r="DJ5" s="18" t="s">
        <v>88</v>
      </c>
      <c r="DK5" s="18" t="s">
        <v>89</v>
      </c>
      <c r="DL5" s="18" t="s">
        <v>90</v>
      </c>
      <c r="DM5" s="18" t="s">
        <v>91</v>
      </c>
      <c r="DN5" s="18" t="s">
        <v>92</v>
      </c>
      <c r="DO5" s="18" t="s">
        <v>93</v>
      </c>
      <c r="DP5" s="18" t="s">
        <v>94</v>
      </c>
      <c r="DQ5" s="18" t="s">
        <v>95</v>
      </c>
      <c r="DR5" s="18" t="s">
        <v>96</v>
      </c>
      <c r="DS5" s="18" t="s">
        <v>97</v>
      </c>
      <c r="DT5" s="18" t="s">
        <v>87</v>
      </c>
      <c r="DU5" s="18" t="s">
        <v>88</v>
      </c>
      <c r="DV5" s="18" t="s">
        <v>89</v>
      </c>
      <c r="DW5" s="18" t="s">
        <v>90</v>
      </c>
      <c r="DX5" s="18" t="s">
        <v>91</v>
      </c>
      <c r="DY5" s="18" t="s">
        <v>92</v>
      </c>
      <c r="DZ5" s="18" t="s">
        <v>93</v>
      </c>
      <c r="EA5" s="18" t="s">
        <v>94</v>
      </c>
      <c r="EB5" s="18" t="s">
        <v>95</v>
      </c>
      <c r="EC5" s="18" t="s">
        <v>96</v>
      </c>
      <c r="ED5" s="18" t="s">
        <v>97</v>
      </c>
      <c r="EE5" s="18" t="s">
        <v>87</v>
      </c>
      <c r="EF5" s="18" t="s">
        <v>88</v>
      </c>
      <c r="EG5" s="18" t="s">
        <v>89</v>
      </c>
      <c r="EH5" s="18" t="s">
        <v>90</v>
      </c>
      <c r="EI5" s="18" t="s">
        <v>91</v>
      </c>
      <c r="EJ5" s="18" t="s">
        <v>92</v>
      </c>
      <c r="EK5" s="18" t="s">
        <v>93</v>
      </c>
      <c r="EL5" s="18" t="s">
        <v>94</v>
      </c>
      <c r="EM5" s="18" t="s">
        <v>95</v>
      </c>
      <c r="EN5" s="18" t="s">
        <v>96</v>
      </c>
      <c r="EO5" s="18" t="s">
        <v>97</v>
      </c>
    </row>
    <row r="6" spans="1:145" s="22" customFormat="1" x14ac:dyDescent="0.2">
      <c r="A6" s="14" t="s">
        <v>98</v>
      </c>
      <c r="B6" s="19">
        <f>B7</f>
        <v>2022</v>
      </c>
      <c r="C6" s="19">
        <f t="shared" ref="C6:X6" si="3">C7</f>
        <v>454052</v>
      </c>
      <c r="D6" s="19">
        <f t="shared" si="3"/>
        <v>47</v>
      </c>
      <c r="E6" s="19">
        <f t="shared" si="3"/>
        <v>17</v>
      </c>
      <c r="F6" s="19">
        <f t="shared" si="3"/>
        <v>6</v>
      </c>
      <c r="G6" s="19">
        <f t="shared" si="3"/>
        <v>0</v>
      </c>
      <c r="H6" s="19" t="str">
        <f t="shared" si="3"/>
        <v>宮崎県　川南町</v>
      </c>
      <c r="I6" s="19" t="str">
        <f t="shared" si="3"/>
        <v>法非適用</v>
      </c>
      <c r="J6" s="19" t="str">
        <f t="shared" si="3"/>
        <v>下水道事業</v>
      </c>
      <c r="K6" s="19" t="str">
        <f t="shared" si="3"/>
        <v>漁業集落排水</v>
      </c>
      <c r="L6" s="19" t="str">
        <f t="shared" si="3"/>
        <v>H2</v>
      </c>
      <c r="M6" s="19" t="str">
        <f t="shared" si="3"/>
        <v>非設置</v>
      </c>
      <c r="N6" s="20" t="str">
        <f t="shared" si="3"/>
        <v>-</v>
      </c>
      <c r="O6" s="20" t="str">
        <f t="shared" si="3"/>
        <v>該当数値なし</v>
      </c>
      <c r="P6" s="20">
        <f t="shared" si="3"/>
        <v>5.54</v>
      </c>
      <c r="Q6" s="20">
        <f t="shared" si="3"/>
        <v>83.17</v>
      </c>
      <c r="R6" s="20">
        <f t="shared" si="3"/>
        <v>2750</v>
      </c>
      <c r="S6" s="20">
        <f t="shared" si="3"/>
        <v>15095</v>
      </c>
      <c r="T6" s="20">
        <f t="shared" si="3"/>
        <v>90.13</v>
      </c>
      <c r="U6" s="20">
        <f t="shared" si="3"/>
        <v>167.48</v>
      </c>
      <c r="V6" s="20">
        <f t="shared" si="3"/>
        <v>832</v>
      </c>
      <c r="W6" s="20">
        <f t="shared" si="3"/>
        <v>0.18</v>
      </c>
      <c r="X6" s="20">
        <f t="shared" si="3"/>
        <v>4622.22</v>
      </c>
      <c r="Y6" s="21">
        <f>IF(Y7="",NA(),Y7)</f>
        <v>84.42</v>
      </c>
      <c r="Z6" s="21">
        <f t="shared" ref="Z6:AH6" si="4">IF(Z7="",NA(),Z7)</f>
        <v>87.54</v>
      </c>
      <c r="AA6" s="21">
        <f t="shared" si="4"/>
        <v>91.76</v>
      </c>
      <c r="AB6" s="21">
        <f t="shared" si="4"/>
        <v>93.28</v>
      </c>
      <c r="AC6" s="21">
        <f t="shared" si="4"/>
        <v>89.5</v>
      </c>
      <c r="AD6" s="20" t="e">
        <f t="shared" si="4"/>
        <v>#N/A</v>
      </c>
      <c r="AE6" s="20" t="e">
        <f t="shared" si="4"/>
        <v>#N/A</v>
      </c>
      <c r="AF6" s="20" t="e">
        <f t="shared" si="4"/>
        <v>#N/A</v>
      </c>
      <c r="AG6" s="20" t="e">
        <f t="shared" si="4"/>
        <v>#N/A</v>
      </c>
      <c r="AH6" s="20" t="e">
        <f t="shared" si="4"/>
        <v>#N/A</v>
      </c>
      <c r="AI6" s="20" t="str">
        <f>IF(AI7="","",IF(AI7="-","【-】","【"&amp;SUBSTITUTE(TEXT(AI7,"#,##0.00"),"-","△")&amp;"】"))</f>
        <v/>
      </c>
      <c r="AJ6" s="20" t="e">
        <f>IF(AJ7="",NA(),AJ7)</f>
        <v>#N/A</v>
      </c>
      <c r="AK6" s="20" t="e">
        <f t="shared" ref="AK6:AS6" si="5">IF(AK7="",NA(),AK7)</f>
        <v>#N/A</v>
      </c>
      <c r="AL6" s="20" t="e">
        <f t="shared" si="5"/>
        <v>#N/A</v>
      </c>
      <c r="AM6" s="20" t="e">
        <f t="shared" si="5"/>
        <v>#N/A</v>
      </c>
      <c r="AN6" s="20" t="e">
        <f t="shared" si="5"/>
        <v>#N/A</v>
      </c>
      <c r="AO6" s="20" t="e">
        <f t="shared" si="5"/>
        <v>#N/A</v>
      </c>
      <c r="AP6" s="20" t="e">
        <f t="shared" si="5"/>
        <v>#N/A</v>
      </c>
      <c r="AQ6" s="20" t="e">
        <f t="shared" si="5"/>
        <v>#N/A</v>
      </c>
      <c r="AR6" s="20" t="e">
        <f t="shared" si="5"/>
        <v>#N/A</v>
      </c>
      <c r="AS6" s="20" t="e">
        <f t="shared" si="5"/>
        <v>#N/A</v>
      </c>
      <c r="AT6" s="20" t="str">
        <f>IF(AT7="","",IF(AT7="-","【-】","【"&amp;SUBSTITUTE(TEXT(AT7,"#,##0.00"),"-","△")&amp;"】"))</f>
        <v/>
      </c>
      <c r="AU6" s="20" t="e">
        <f>IF(AU7="",NA(),AU7)</f>
        <v>#N/A</v>
      </c>
      <c r="AV6" s="20" t="e">
        <f t="shared" ref="AV6:BD6" si="6">IF(AV7="",NA(),AV7)</f>
        <v>#N/A</v>
      </c>
      <c r="AW6" s="20" t="e">
        <f t="shared" si="6"/>
        <v>#N/A</v>
      </c>
      <c r="AX6" s="20" t="e">
        <f t="shared" si="6"/>
        <v>#N/A</v>
      </c>
      <c r="AY6" s="20" t="e">
        <f t="shared" si="6"/>
        <v>#N/A</v>
      </c>
      <c r="AZ6" s="20" t="e">
        <f t="shared" si="6"/>
        <v>#N/A</v>
      </c>
      <c r="BA6" s="20" t="e">
        <f t="shared" si="6"/>
        <v>#N/A</v>
      </c>
      <c r="BB6" s="20" t="e">
        <f t="shared" si="6"/>
        <v>#N/A</v>
      </c>
      <c r="BC6" s="20" t="e">
        <f t="shared" si="6"/>
        <v>#N/A</v>
      </c>
      <c r="BD6" s="20" t="e">
        <f t="shared" si="6"/>
        <v>#N/A</v>
      </c>
      <c r="BE6" s="20" t="str">
        <f>IF(BE7="","",IF(BE7="-","【-】","【"&amp;SUBSTITUTE(TEXT(BE7,"#,##0.00"),"-","△")&amp;"】"))</f>
        <v/>
      </c>
      <c r="BF6" s="20">
        <f>IF(BF7="",NA(),BF7)</f>
        <v>0</v>
      </c>
      <c r="BG6" s="21">
        <f t="shared" ref="BG6:BO6" si="7">IF(BG7="",NA(),BG7)</f>
        <v>10.35</v>
      </c>
      <c r="BH6" s="21">
        <f t="shared" si="7"/>
        <v>21.35</v>
      </c>
      <c r="BI6" s="21">
        <f t="shared" si="7"/>
        <v>5.97</v>
      </c>
      <c r="BJ6" s="20">
        <f t="shared" si="7"/>
        <v>0</v>
      </c>
      <c r="BK6" s="21">
        <f t="shared" si="7"/>
        <v>1006.65</v>
      </c>
      <c r="BL6" s="21">
        <f t="shared" si="7"/>
        <v>998.42</v>
      </c>
      <c r="BM6" s="21">
        <f t="shared" si="7"/>
        <v>1095.52</v>
      </c>
      <c r="BN6" s="21">
        <f t="shared" si="7"/>
        <v>1056.55</v>
      </c>
      <c r="BO6" s="21">
        <f t="shared" si="7"/>
        <v>1278.54</v>
      </c>
      <c r="BP6" s="20" t="str">
        <f>IF(BP7="","",IF(BP7="-","【-】","【"&amp;SUBSTITUTE(TEXT(BP7,"#,##0.00"),"-","△")&amp;"】"))</f>
        <v>【1,078.44】</v>
      </c>
      <c r="BQ6" s="21">
        <f>IF(BQ7="",NA(),BQ7)</f>
        <v>84.78</v>
      </c>
      <c r="BR6" s="21">
        <f t="shared" ref="BR6:BZ6" si="8">IF(BR7="",NA(),BR7)</f>
        <v>94.62</v>
      </c>
      <c r="BS6" s="21">
        <f t="shared" si="8"/>
        <v>98.41</v>
      </c>
      <c r="BT6" s="21">
        <f t="shared" si="8"/>
        <v>96.95</v>
      </c>
      <c r="BU6" s="21">
        <f t="shared" si="8"/>
        <v>91.35</v>
      </c>
      <c r="BV6" s="21">
        <f t="shared" si="8"/>
        <v>43.43</v>
      </c>
      <c r="BW6" s="21">
        <f t="shared" si="8"/>
        <v>41.41</v>
      </c>
      <c r="BX6" s="21">
        <f t="shared" si="8"/>
        <v>39.64</v>
      </c>
      <c r="BY6" s="21">
        <f t="shared" si="8"/>
        <v>40</v>
      </c>
      <c r="BZ6" s="21">
        <f t="shared" si="8"/>
        <v>38.74</v>
      </c>
      <c r="CA6" s="20" t="str">
        <f>IF(CA7="","",IF(CA7="-","【-】","【"&amp;SUBSTITUTE(TEXT(CA7,"#,##0.00"),"-","△")&amp;"】"))</f>
        <v>【41.91】</v>
      </c>
      <c r="CB6" s="21">
        <f>IF(CB7="",NA(),CB7)</f>
        <v>165.62</v>
      </c>
      <c r="CC6" s="21">
        <f t="shared" ref="CC6:CK6" si="9">IF(CC7="",NA(),CC7)</f>
        <v>150.02000000000001</v>
      </c>
      <c r="CD6" s="21">
        <f t="shared" si="9"/>
        <v>149.97</v>
      </c>
      <c r="CE6" s="21">
        <f t="shared" si="9"/>
        <v>150.01</v>
      </c>
      <c r="CF6" s="21">
        <f t="shared" si="9"/>
        <v>161.53</v>
      </c>
      <c r="CG6" s="21">
        <f t="shared" si="9"/>
        <v>400.44</v>
      </c>
      <c r="CH6" s="21">
        <f t="shared" si="9"/>
        <v>417.56</v>
      </c>
      <c r="CI6" s="21">
        <f t="shared" si="9"/>
        <v>449.72</v>
      </c>
      <c r="CJ6" s="21">
        <f t="shared" si="9"/>
        <v>437.27</v>
      </c>
      <c r="CK6" s="21">
        <f t="shared" si="9"/>
        <v>456.72</v>
      </c>
      <c r="CL6" s="20" t="str">
        <f>IF(CL7="","",IF(CL7="-","【-】","【"&amp;SUBSTITUTE(TEXT(CL7,"#,##0.00"),"-","△")&amp;"】"))</f>
        <v>【420.17】</v>
      </c>
      <c r="CM6" s="21">
        <f>IF(CM7="",NA(),CM7)</f>
        <v>37.32</v>
      </c>
      <c r="CN6" s="21">
        <f t="shared" ref="CN6:CV6" si="10">IF(CN7="",NA(),CN7)</f>
        <v>34.29</v>
      </c>
      <c r="CO6" s="21">
        <f t="shared" si="10"/>
        <v>32.380000000000003</v>
      </c>
      <c r="CP6" s="21">
        <f t="shared" si="10"/>
        <v>33.01</v>
      </c>
      <c r="CQ6" s="21">
        <f t="shared" si="10"/>
        <v>31.9</v>
      </c>
      <c r="CR6" s="21">
        <f t="shared" si="10"/>
        <v>32.229999999999997</v>
      </c>
      <c r="CS6" s="21">
        <f t="shared" si="10"/>
        <v>32.479999999999997</v>
      </c>
      <c r="CT6" s="21">
        <f t="shared" si="10"/>
        <v>30.19</v>
      </c>
      <c r="CU6" s="21">
        <f t="shared" si="10"/>
        <v>28.77</v>
      </c>
      <c r="CV6" s="21">
        <f t="shared" si="10"/>
        <v>26.22</v>
      </c>
      <c r="CW6" s="20" t="str">
        <f>IF(CW7="","",IF(CW7="-","【-】","【"&amp;SUBSTITUTE(TEXT(CW7,"#,##0.00"),"-","△")&amp;"】"))</f>
        <v>【29.92】</v>
      </c>
      <c r="CX6" s="21">
        <f>IF(CX7="",NA(),CX7)</f>
        <v>77.8</v>
      </c>
      <c r="CY6" s="21">
        <f t="shared" ref="CY6:DG6" si="11">IF(CY7="",NA(),CY7)</f>
        <v>78.2</v>
      </c>
      <c r="CZ6" s="21">
        <f t="shared" si="11"/>
        <v>77.81</v>
      </c>
      <c r="DA6" s="21">
        <f t="shared" si="11"/>
        <v>78.260000000000005</v>
      </c>
      <c r="DB6" s="21">
        <f t="shared" si="11"/>
        <v>76.92</v>
      </c>
      <c r="DC6" s="21">
        <f t="shared" si="11"/>
        <v>80.8</v>
      </c>
      <c r="DD6" s="21">
        <f t="shared" si="11"/>
        <v>79.2</v>
      </c>
      <c r="DE6" s="21">
        <f t="shared" si="11"/>
        <v>79.09</v>
      </c>
      <c r="DF6" s="21">
        <f t="shared" si="11"/>
        <v>78.900000000000006</v>
      </c>
      <c r="DG6" s="21">
        <f t="shared" si="11"/>
        <v>78.03</v>
      </c>
      <c r="DH6" s="20" t="str">
        <f>IF(DH7="","",IF(DH7="-","【-】","【"&amp;SUBSTITUTE(TEXT(DH7,"#,##0.00"),"-","△")&amp;"】"))</f>
        <v>【80.39】</v>
      </c>
      <c r="DI6" s="20" t="e">
        <f>IF(DI7="",NA(),DI7)</f>
        <v>#N/A</v>
      </c>
      <c r="DJ6" s="20" t="e">
        <f t="shared" ref="DJ6:DR6" si="12">IF(DJ7="",NA(),DJ7)</f>
        <v>#N/A</v>
      </c>
      <c r="DK6" s="20" t="e">
        <f t="shared" si="12"/>
        <v>#N/A</v>
      </c>
      <c r="DL6" s="20" t="e">
        <f t="shared" si="12"/>
        <v>#N/A</v>
      </c>
      <c r="DM6" s="20" t="e">
        <f t="shared" si="12"/>
        <v>#N/A</v>
      </c>
      <c r="DN6" s="20" t="e">
        <f t="shared" si="12"/>
        <v>#N/A</v>
      </c>
      <c r="DO6" s="20" t="e">
        <f t="shared" si="12"/>
        <v>#N/A</v>
      </c>
      <c r="DP6" s="20" t="e">
        <f t="shared" si="12"/>
        <v>#N/A</v>
      </c>
      <c r="DQ6" s="20" t="e">
        <f t="shared" si="12"/>
        <v>#N/A</v>
      </c>
      <c r="DR6" s="20" t="e">
        <f t="shared" si="12"/>
        <v>#N/A</v>
      </c>
      <c r="DS6" s="20" t="str">
        <f>IF(DS7="","",IF(DS7="-","【-】","【"&amp;SUBSTITUTE(TEXT(DS7,"#,##0.00"),"-","△")&amp;"】"))</f>
        <v/>
      </c>
      <c r="DT6" s="20" t="e">
        <f>IF(DT7="",NA(),DT7)</f>
        <v>#N/A</v>
      </c>
      <c r="DU6" s="20" t="e">
        <f t="shared" ref="DU6:EC6" si="13">IF(DU7="",NA(),DU7)</f>
        <v>#N/A</v>
      </c>
      <c r="DV6" s="20" t="e">
        <f t="shared" si="13"/>
        <v>#N/A</v>
      </c>
      <c r="DW6" s="20" t="e">
        <f t="shared" si="13"/>
        <v>#N/A</v>
      </c>
      <c r="DX6" s="20" t="e">
        <f t="shared" si="13"/>
        <v>#N/A</v>
      </c>
      <c r="DY6" s="20" t="e">
        <f t="shared" si="13"/>
        <v>#N/A</v>
      </c>
      <c r="DZ6" s="20" t="e">
        <f t="shared" si="13"/>
        <v>#N/A</v>
      </c>
      <c r="EA6" s="20" t="e">
        <f t="shared" si="13"/>
        <v>#N/A</v>
      </c>
      <c r="EB6" s="20" t="e">
        <f t="shared" si="13"/>
        <v>#N/A</v>
      </c>
      <c r="EC6" s="20" t="e">
        <f t="shared" si="13"/>
        <v>#N/A</v>
      </c>
      <c r="ED6" s="20" t="str">
        <f>IF(ED7="","",IF(ED7="-","【-】","【"&amp;SUBSTITUTE(TEXT(ED7,"#,##0.00"),"-","△")&amp;"】"))</f>
        <v/>
      </c>
      <c r="EE6" s="20">
        <f>IF(EE7="",NA(),EE7)</f>
        <v>0</v>
      </c>
      <c r="EF6" s="20">
        <f t="shared" ref="EF6:EN6" si="14">IF(EF7="",NA(),EF7)</f>
        <v>0</v>
      </c>
      <c r="EG6" s="20">
        <f t="shared" si="14"/>
        <v>0</v>
      </c>
      <c r="EH6" s="20">
        <f t="shared" si="14"/>
        <v>0</v>
      </c>
      <c r="EI6" s="20">
        <f t="shared" si="14"/>
        <v>0</v>
      </c>
      <c r="EJ6" s="21">
        <f t="shared" si="14"/>
        <v>0.02</v>
      </c>
      <c r="EK6" s="21">
        <f t="shared" si="14"/>
        <v>0.01</v>
      </c>
      <c r="EL6" s="21">
        <f t="shared" si="14"/>
        <v>1.6</v>
      </c>
      <c r="EM6" s="21">
        <f t="shared" si="14"/>
        <v>0.01</v>
      </c>
      <c r="EN6" s="21">
        <f t="shared" si="14"/>
        <v>0.01</v>
      </c>
      <c r="EO6" s="20" t="str">
        <f>IF(EO7="","",IF(EO7="-","【-】","【"&amp;SUBSTITUTE(TEXT(EO7,"#,##0.00"),"-","△")&amp;"】"))</f>
        <v>【0.01】</v>
      </c>
    </row>
    <row r="7" spans="1:145" s="22" customFormat="1" x14ac:dyDescent="0.2">
      <c r="A7" s="14"/>
      <c r="B7" s="23">
        <v>2022</v>
      </c>
      <c r="C7" s="23">
        <v>454052</v>
      </c>
      <c r="D7" s="23">
        <v>47</v>
      </c>
      <c r="E7" s="23">
        <v>17</v>
      </c>
      <c r="F7" s="23">
        <v>6</v>
      </c>
      <c r="G7" s="23">
        <v>0</v>
      </c>
      <c r="H7" s="23" t="s">
        <v>99</v>
      </c>
      <c r="I7" s="23" t="s">
        <v>100</v>
      </c>
      <c r="J7" s="23" t="s">
        <v>101</v>
      </c>
      <c r="K7" s="23" t="s">
        <v>102</v>
      </c>
      <c r="L7" s="23" t="s">
        <v>103</v>
      </c>
      <c r="M7" s="23" t="s">
        <v>104</v>
      </c>
      <c r="N7" s="24" t="s">
        <v>105</v>
      </c>
      <c r="O7" s="24" t="s">
        <v>106</v>
      </c>
      <c r="P7" s="24">
        <v>5.54</v>
      </c>
      <c r="Q7" s="24">
        <v>83.17</v>
      </c>
      <c r="R7" s="24">
        <v>2750</v>
      </c>
      <c r="S7" s="24">
        <v>15095</v>
      </c>
      <c r="T7" s="24">
        <v>90.13</v>
      </c>
      <c r="U7" s="24">
        <v>167.48</v>
      </c>
      <c r="V7" s="24">
        <v>832</v>
      </c>
      <c r="W7" s="24">
        <v>0.18</v>
      </c>
      <c r="X7" s="24">
        <v>4622.22</v>
      </c>
      <c r="Y7" s="24">
        <v>84.42</v>
      </c>
      <c r="Z7" s="24">
        <v>87.54</v>
      </c>
      <c r="AA7" s="24">
        <v>91.76</v>
      </c>
      <c r="AB7" s="24">
        <v>93.28</v>
      </c>
      <c r="AC7" s="24">
        <v>89.5</v>
      </c>
      <c r="AD7" s="24"/>
      <c r="AE7" s="24"/>
      <c r="AF7" s="24"/>
      <c r="AG7" s="24"/>
      <c r="AH7" s="24"/>
      <c r="AI7" s="24"/>
      <c r="AJ7" s="24"/>
      <c r="AK7" s="24"/>
      <c r="AL7" s="24"/>
      <c r="AM7" s="24"/>
      <c r="AN7" s="24"/>
      <c r="AO7" s="24"/>
      <c r="AP7" s="24"/>
      <c r="AQ7" s="24"/>
      <c r="AR7" s="24"/>
      <c r="AS7" s="24"/>
      <c r="AT7" s="24"/>
      <c r="AU7" s="24"/>
      <c r="AV7" s="24"/>
      <c r="AW7" s="24"/>
      <c r="AX7" s="24"/>
      <c r="AY7" s="24"/>
      <c r="AZ7" s="24"/>
      <c r="BA7" s="24"/>
      <c r="BB7" s="24"/>
      <c r="BC7" s="24"/>
      <c r="BD7" s="24"/>
      <c r="BE7" s="24"/>
      <c r="BF7" s="24">
        <v>0</v>
      </c>
      <c r="BG7" s="24">
        <v>10.35</v>
      </c>
      <c r="BH7" s="24">
        <v>21.35</v>
      </c>
      <c r="BI7" s="24">
        <v>5.97</v>
      </c>
      <c r="BJ7" s="24">
        <v>0</v>
      </c>
      <c r="BK7" s="24">
        <v>1006.65</v>
      </c>
      <c r="BL7" s="24">
        <v>998.42</v>
      </c>
      <c r="BM7" s="24">
        <v>1095.52</v>
      </c>
      <c r="BN7" s="24">
        <v>1056.55</v>
      </c>
      <c r="BO7" s="24">
        <v>1278.54</v>
      </c>
      <c r="BP7" s="24">
        <v>1078.44</v>
      </c>
      <c r="BQ7" s="24">
        <v>84.78</v>
      </c>
      <c r="BR7" s="24">
        <v>94.62</v>
      </c>
      <c r="BS7" s="24">
        <v>98.41</v>
      </c>
      <c r="BT7" s="24">
        <v>96.95</v>
      </c>
      <c r="BU7" s="24">
        <v>91.35</v>
      </c>
      <c r="BV7" s="24">
        <v>43.43</v>
      </c>
      <c r="BW7" s="24">
        <v>41.41</v>
      </c>
      <c r="BX7" s="24">
        <v>39.64</v>
      </c>
      <c r="BY7" s="24">
        <v>40</v>
      </c>
      <c r="BZ7" s="24">
        <v>38.74</v>
      </c>
      <c r="CA7" s="24">
        <v>41.91</v>
      </c>
      <c r="CB7" s="24">
        <v>165.62</v>
      </c>
      <c r="CC7" s="24">
        <v>150.02000000000001</v>
      </c>
      <c r="CD7" s="24">
        <v>149.97</v>
      </c>
      <c r="CE7" s="24">
        <v>150.01</v>
      </c>
      <c r="CF7" s="24">
        <v>161.53</v>
      </c>
      <c r="CG7" s="24">
        <v>400.44</v>
      </c>
      <c r="CH7" s="24">
        <v>417.56</v>
      </c>
      <c r="CI7" s="24">
        <v>449.72</v>
      </c>
      <c r="CJ7" s="24">
        <v>437.27</v>
      </c>
      <c r="CK7" s="24">
        <v>456.72</v>
      </c>
      <c r="CL7" s="24">
        <v>420.17</v>
      </c>
      <c r="CM7" s="24">
        <v>37.32</v>
      </c>
      <c r="CN7" s="24">
        <v>34.29</v>
      </c>
      <c r="CO7" s="24">
        <v>32.380000000000003</v>
      </c>
      <c r="CP7" s="24">
        <v>33.01</v>
      </c>
      <c r="CQ7" s="24">
        <v>31.9</v>
      </c>
      <c r="CR7" s="24">
        <v>32.229999999999997</v>
      </c>
      <c r="CS7" s="24">
        <v>32.479999999999997</v>
      </c>
      <c r="CT7" s="24">
        <v>30.19</v>
      </c>
      <c r="CU7" s="24">
        <v>28.77</v>
      </c>
      <c r="CV7" s="24">
        <v>26.22</v>
      </c>
      <c r="CW7" s="24">
        <v>29.92</v>
      </c>
      <c r="CX7" s="24">
        <v>77.8</v>
      </c>
      <c r="CY7" s="24">
        <v>78.2</v>
      </c>
      <c r="CZ7" s="24">
        <v>77.81</v>
      </c>
      <c r="DA7" s="24">
        <v>78.260000000000005</v>
      </c>
      <c r="DB7" s="24">
        <v>76.92</v>
      </c>
      <c r="DC7" s="24">
        <v>80.8</v>
      </c>
      <c r="DD7" s="24">
        <v>79.2</v>
      </c>
      <c r="DE7" s="24">
        <v>79.09</v>
      </c>
      <c r="DF7" s="24">
        <v>78.900000000000006</v>
      </c>
      <c r="DG7" s="24">
        <v>78.03</v>
      </c>
      <c r="DH7" s="24">
        <v>80.39</v>
      </c>
      <c r="DI7" s="24"/>
      <c r="DJ7" s="24"/>
      <c r="DK7" s="24"/>
      <c r="DL7" s="24"/>
      <c r="DM7" s="24"/>
      <c r="DN7" s="24"/>
      <c r="DO7" s="24"/>
      <c r="DP7" s="24"/>
      <c r="DQ7" s="24"/>
      <c r="DR7" s="24"/>
      <c r="DS7" s="24"/>
      <c r="DT7" s="24"/>
      <c r="DU7" s="24"/>
      <c r="DV7" s="24"/>
      <c r="DW7" s="24"/>
      <c r="DX7" s="24"/>
      <c r="DY7" s="24"/>
      <c r="DZ7" s="24"/>
      <c r="EA7" s="24"/>
      <c r="EB7" s="24"/>
      <c r="EC7" s="24"/>
      <c r="ED7" s="24"/>
      <c r="EE7" s="24">
        <v>0</v>
      </c>
      <c r="EF7" s="24">
        <v>0</v>
      </c>
      <c r="EG7" s="24">
        <v>0</v>
      </c>
      <c r="EH7" s="24">
        <v>0</v>
      </c>
      <c r="EI7" s="24">
        <v>0</v>
      </c>
      <c r="EJ7" s="24">
        <v>0.02</v>
      </c>
      <c r="EK7" s="24">
        <v>0.01</v>
      </c>
      <c r="EL7" s="24">
        <v>1.6</v>
      </c>
      <c r="EM7" s="24">
        <v>0.01</v>
      </c>
      <c r="EN7" s="24">
        <v>0.01</v>
      </c>
      <c r="EO7" s="24">
        <v>0.01</v>
      </c>
    </row>
    <row r="8" spans="1:145"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row>
    <row r="9" spans="1:145" x14ac:dyDescent="0.2">
      <c r="A9" s="26"/>
      <c r="B9" s="26" t="s">
        <v>107</v>
      </c>
      <c r="C9" s="26" t="s">
        <v>108</v>
      </c>
      <c r="D9" s="26" t="s">
        <v>109</v>
      </c>
      <c r="E9" s="26" t="s">
        <v>110</v>
      </c>
      <c r="F9" s="26" t="s">
        <v>111</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5" x14ac:dyDescent="0.2">
      <c r="A10" s="26" t="s">
        <v>49</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5" x14ac:dyDescent="0.2">
      <c r="B11">
        <v>4</v>
      </c>
      <c r="C11">
        <v>3</v>
      </c>
      <c r="D11">
        <v>2</v>
      </c>
      <c r="E11">
        <v>1</v>
      </c>
      <c r="F11">
        <v>0</v>
      </c>
      <c r="G11" t="s">
        <v>112</v>
      </c>
    </row>
    <row r="12" spans="1:145" x14ac:dyDescent="0.2">
      <c r="B12">
        <v>1</v>
      </c>
      <c r="C12">
        <v>1</v>
      </c>
      <c r="D12">
        <v>2</v>
      </c>
      <c r="E12">
        <v>3</v>
      </c>
      <c r="F12">
        <v>4</v>
      </c>
      <c r="G12" t="s">
        <v>113</v>
      </c>
    </row>
    <row r="13" spans="1:145" x14ac:dyDescent="0.2">
      <c r="B13" t="s">
        <v>114</v>
      </c>
      <c r="C13" t="s">
        <v>115</v>
      </c>
      <c r="D13" t="s">
        <v>116</v>
      </c>
      <c r="E13" t="s">
        <v>116</v>
      </c>
      <c r="F13" t="s">
        <v>117</v>
      </c>
      <c r="G13" t="s">
        <v>118</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徳田 正喜</cp:lastModifiedBy>
  <cp:lastPrinted>2024-02-19T02:24:21Z</cp:lastPrinted>
  <dcterms:created xsi:type="dcterms:W3CDTF">2023-12-12T02:58:15Z</dcterms:created>
  <dcterms:modified xsi:type="dcterms:W3CDTF">2024-02-22T06:10:18Z</dcterms:modified>
  <cp:category/>
</cp:coreProperties>
</file>